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3\groupR7\01_疾病対策グループ\02_腎疾患対策\03 腎疾患対策（普及啓発、CKD、人工腎臓保有調査）\10_市町村診療連携モデル事業\★診療連携ツール\腎臓専門医リスト\R710　腎臓専門医リストの更新\02_公開用\03_公開\"/>
    </mc:Choice>
  </mc:AlternateContent>
  <xr:revisionPtr revIDLastSave="0" documentId="8_{B1863CE6-B95F-439E-AA06-D3DE4311C350}" xr6:coauthVersionLast="47" xr6:coauthVersionMax="47" xr10:uidLastSave="{00000000-0000-0000-0000-000000000000}"/>
  <bookViews>
    <workbookView xWindow="2436" yWindow="1092" windowWidth="17280" windowHeight="9960" xr2:uid="{00000000-000D-0000-FFFF-FFFF00000000}"/>
  </bookViews>
  <sheets>
    <sheet name="リスト" sheetId="4" r:id="rId1"/>
  </sheets>
  <definedNames>
    <definedName name="_xlnm._FilterDatabase" localSheetId="0" hidden="1">リスト!$A$3:$E$122</definedName>
    <definedName name="_xlnm.Print_Area" localSheetId="0">リスト!$A$1:$T$122</definedName>
    <definedName name="_xlnm.Print_Titles" localSheetId="0">リスト!$1:$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058" uniqueCount="635">
  <si>
    <t>横須賀・三浦</t>
    <rPh sb="0" eb="3">
      <t>ヨコスカ</t>
    </rPh>
    <rPh sb="4" eb="6">
      <t>ミウラ</t>
    </rPh>
    <phoneticPr fontId="1"/>
  </si>
  <si>
    <t>湘南西部</t>
    <rPh sb="0" eb="2">
      <t>ショウナン</t>
    </rPh>
    <rPh sb="2" eb="4">
      <t>セイブ</t>
    </rPh>
    <phoneticPr fontId="1"/>
  </si>
  <si>
    <t>湘南東部</t>
    <rPh sb="0" eb="2">
      <t>ショウナン</t>
    </rPh>
    <rPh sb="2" eb="4">
      <t>トウブ</t>
    </rPh>
    <phoneticPr fontId="1"/>
  </si>
  <si>
    <t>県央</t>
    <rPh sb="0" eb="2">
      <t>ケンオウ</t>
    </rPh>
    <phoneticPr fontId="1"/>
  </si>
  <si>
    <t>塩之入　洋</t>
  </si>
  <si>
    <t>しおのいり内科</t>
  </si>
  <si>
    <t>237-0064</t>
  </si>
  <si>
    <t>秋澤　忠男</t>
  </si>
  <si>
    <t>224-0032</t>
  </si>
  <si>
    <t>242-0007</t>
  </si>
  <si>
    <t>医療法人秦野南口クリニック</t>
  </si>
  <si>
    <t>257-0011</t>
  </si>
  <si>
    <t>220-0011</t>
  </si>
  <si>
    <t>本橋　信博</t>
  </si>
  <si>
    <t>本橋内科クリニック</t>
  </si>
  <si>
    <t>214-0021</t>
  </si>
  <si>
    <t>215-0004</t>
  </si>
  <si>
    <t>243-0436</t>
  </si>
  <si>
    <t>252-0303</t>
  </si>
  <si>
    <t>252-0011</t>
  </si>
  <si>
    <t>231-0048</t>
  </si>
  <si>
    <t>254-0018</t>
  </si>
  <si>
    <t>247-8533</t>
  </si>
  <si>
    <t>矢花　眞知子</t>
  </si>
  <si>
    <t>花クリニック</t>
  </si>
  <si>
    <t>236-0016</t>
  </si>
  <si>
    <t>海老名総合病院</t>
  </si>
  <si>
    <t>243-0433</t>
  </si>
  <si>
    <t>常田　康夫</t>
  </si>
  <si>
    <t>内田　龍生</t>
  </si>
  <si>
    <t>内田内科クリニック</t>
  </si>
  <si>
    <t>232-0033</t>
  </si>
  <si>
    <t>223-0061</t>
  </si>
  <si>
    <t>240-0195</t>
  </si>
  <si>
    <t>渡邉　誠一</t>
  </si>
  <si>
    <t>大秦野内科クリニック</t>
  </si>
  <si>
    <t>257-0035</t>
  </si>
  <si>
    <t>石田　裕一郎</t>
  </si>
  <si>
    <t>総合相模更生病院</t>
  </si>
  <si>
    <t>252-5225</t>
  </si>
  <si>
    <t>横浜市立市民病院</t>
  </si>
  <si>
    <t>221-0855</t>
  </si>
  <si>
    <t>224-8503</t>
  </si>
  <si>
    <t>259-1193</t>
  </si>
  <si>
    <t>222-0036</t>
  </si>
  <si>
    <t>虎の門病院分院</t>
  </si>
  <si>
    <t>213-8587</t>
  </si>
  <si>
    <t>横浜市立大学附属市民総合医療センター</t>
  </si>
  <si>
    <t>北里大学病院</t>
  </si>
  <si>
    <t>252-0375</t>
  </si>
  <si>
    <t>252-0344</t>
  </si>
  <si>
    <t>212-0027</t>
  </si>
  <si>
    <t>216-8511</t>
  </si>
  <si>
    <t>227-8501</t>
  </si>
  <si>
    <t>252-0385</t>
  </si>
  <si>
    <t>聖マリアンナ医科大学横浜市西部病院</t>
  </si>
  <si>
    <t>241-0811</t>
  </si>
  <si>
    <t>竹下　康代</t>
  </si>
  <si>
    <t>大和市立病院</t>
  </si>
  <si>
    <t>242-8602</t>
  </si>
  <si>
    <t>済生会横浜市南部病院</t>
  </si>
  <si>
    <t>234-0054</t>
  </si>
  <si>
    <t>257-0017</t>
  </si>
  <si>
    <t>郵便番号</t>
    <rPh sb="0" eb="4">
      <t>ユウビンバンゴウ</t>
    </rPh>
    <phoneticPr fontId="1"/>
  </si>
  <si>
    <t>香取　秀幸</t>
  </si>
  <si>
    <t>石川　裕泰</t>
  </si>
  <si>
    <t>鷺沼人工腎臓石川クリニック</t>
  </si>
  <si>
    <t>216-0004</t>
  </si>
  <si>
    <t>済生会横浜市東部病院</t>
  </si>
  <si>
    <t>230-8765</t>
  </si>
  <si>
    <t>252-1107</t>
  </si>
  <si>
    <t>高崎　泉</t>
  </si>
  <si>
    <t>たかさき内科</t>
  </si>
  <si>
    <t>236-0052</t>
  </si>
  <si>
    <t>小川　成章</t>
  </si>
  <si>
    <t>菱木　俊匡</t>
  </si>
  <si>
    <t>菱木医院</t>
  </si>
  <si>
    <t>250-0852</t>
  </si>
  <si>
    <t>柘植　俊直</t>
  </si>
  <si>
    <t>茅ヶ崎メディカルクリニック</t>
  </si>
  <si>
    <t>253-0052</t>
  </si>
  <si>
    <t>227-0046</t>
  </si>
  <si>
    <t>渡辺　励</t>
  </si>
  <si>
    <t>渡辺医院</t>
  </si>
  <si>
    <t>227-0036</t>
  </si>
  <si>
    <t>220-8521</t>
  </si>
  <si>
    <t>245-8575</t>
  </si>
  <si>
    <t>岡野　一祥</t>
  </si>
  <si>
    <t>224-0033</t>
  </si>
  <si>
    <t>小田原市立病院</t>
  </si>
  <si>
    <t>250-8558</t>
  </si>
  <si>
    <t>佐藤　聡一郎</t>
  </si>
  <si>
    <t>佐藤医院</t>
  </si>
  <si>
    <t>252-0334</t>
  </si>
  <si>
    <t>鈴木　洋行</t>
  </si>
  <si>
    <t>250-0012</t>
  </si>
  <si>
    <t>高橋　恵子</t>
  </si>
  <si>
    <t>吉田　豊治</t>
  </si>
  <si>
    <t>とよじメディカルクリニック</t>
  </si>
  <si>
    <t>253-0105</t>
  </si>
  <si>
    <t>厚木市立病院</t>
  </si>
  <si>
    <t>243-8588</t>
  </si>
  <si>
    <t>211-0063</t>
  </si>
  <si>
    <t>210-0013</t>
  </si>
  <si>
    <t>ＪＡ神奈川県厚生連伊勢原協同病院</t>
  </si>
  <si>
    <t>259-1187</t>
  </si>
  <si>
    <t>関谷　秀介</t>
  </si>
  <si>
    <t>関谷クリニック</t>
  </si>
  <si>
    <t>231-0837</t>
  </si>
  <si>
    <t>横須賀共済病院</t>
  </si>
  <si>
    <t>238-8558</t>
  </si>
  <si>
    <t>橋本　達夫</t>
  </si>
  <si>
    <t>神奈川歯科大学附属病院</t>
  </si>
  <si>
    <t>238-8570</t>
  </si>
  <si>
    <t>横浜栄共済病院</t>
  </si>
  <si>
    <t>247-8581</t>
  </si>
  <si>
    <t>谷藤　千暁</t>
  </si>
  <si>
    <t>東海大学医学部付属病院</t>
  </si>
  <si>
    <t>212-0014</t>
  </si>
  <si>
    <t>河野　知之</t>
  </si>
  <si>
    <t>藤沢市民病院</t>
  </si>
  <si>
    <t>251-8550</t>
  </si>
  <si>
    <t>211-8510</t>
  </si>
  <si>
    <t>伊藤　陽子</t>
  </si>
  <si>
    <t>中央林間さくら内科</t>
  </si>
  <si>
    <t>内村　英輝</t>
  </si>
  <si>
    <t>内村内科・腎クリニック</t>
  </si>
  <si>
    <t>国際親善総合病院</t>
  </si>
  <si>
    <t>245-0006</t>
  </si>
  <si>
    <t>細川　緑</t>
  </si>
  <si>
    <t>244-0801</t>
  </si>
  <si>
    <t>川崎市立井田病院</t>
  </si>
  <si>
    <t>211-0035</t>
  </si>
  <si>
    <t>215-0026</t>
  </si>
  <si>
    <t>油井　直史</t>
  </si>
  <si>
    <t>252-0305</t>
  </si>
  <si>
    <t>253-0042</t>
  </si>
  <si>
    <t>藤井　琢磨</t>
  </si>
  <si>
    <t>井土ヶ谷ふじい内科</t>
  </si>
  <si>
    <t>232-0072</t>
  </si>
  <si>
    <t>細江　佳子</t>
  </si>
  <si>
    <t>クリニックパーク武蔵小杉</t>
  </si>
  <si>
    <t>嶋谷　祐子</t>
  </si>
  <si>
    <t>希望が丘しまや内科</t>
  </si>
  <si>
    <t>241-0825</t>
  </si>
  <si>
    <t>横浜市立大学附属病院</t>
  </si>
  <si>
    <t>252-0312</t>
  </si>
  <si>
    <t>241-0801</t>
  </si>
  <si>
    <t>伊藤　秀之</t>
  </si>
  <si>
    <t>上星川ファミリークリニック</t>
  </si>
  <si>
    <t>240-0042</t>
  </si>
  <si>
    <t>神奈川県横浜市保土ケ谷区上星川３－２－１０</t>
  </si>
  <si>
    <t>前田　晃延</t>
  </si>
  <si>
    <t>252-0813</t>
  </si>
  <si>
    <t>213-8507</t>
  </si>
  <si>
    <t>大澤　正人</t>
  </si>
  <si>
    <t>235-0045</t>
  </si>
  <si>
    <t>横浜市立みなと赤十字病院</t>
  </si>
  <si>
    <t>231-8682</t>
  </si>
  <si>
    <t>252-0206</t>
  </si>
  <si>
    <t>高田　茂</t>
  </si>
  <si>
    <t>さくらクリニック武蔵小杉内科・小児科</t>
  </si>
  <si>
    <t>吉田　衝未</t>
  </si>
  <si>
    <t>233-0003</t>
  </si>
  <si>
    <t>白　善雅</t>
  </si>
  <si>
    <t>みやび内科クリニック</t>
  </si>
  <si>
    <t>比留川　喬</t>
  </si>
  <si>
    <t>はじめのクリニック</t>
  </si>
  <si>
    <t>259-1133</t>
  </si>
  <si>
    <t>日本医科大学武蔵小杉病院</t>
  </si>
  <si>
    <t>211-8533</t>
  </si>
  <si>
    <t>長屋　麻由</t>
  </si>
  <si>
    <t>長谷川　純平</t>
  </si>
  <si>
    <t>221-0015</t>
  </si>
  <si>
    <t>田井　怜敏</t>
  </si>
  <si>
    <t>250-0873</t>
  </si>
  <si>
    <t>252-0311</t>
  </si>
  <si>
    <t>聖隷横浜病院</t>
  </si>
  <si>
    <t>240-8521</t>
  </si>
  <si>
    <t>神奈川県横浜市保土ケ谷区岩井町２１５</t>
  </si>
  <si>
    <t>大島　泰斗</t>
  </si>
  <si>
    <t>大島クリニック</t>
  </si>
  <si>
    <t>横浜南共済病院</t>
  </si>
  <si>
    <t>236-0037</t>
  </si>
  <si>
    <t>（独）地域医療機能推進機構 横浜保土ケ谷中央病院</t>
  </si>
  <si>
    <t>240-8585</t>
  </si>
  <si>
    <t>神奈川県横浜市保土ケ谷区釜台町４３－１</t>
  </si>
  <si>
    <t>正木　貴教</t>
  </si>
  <si>
    <t>久保田　亘</t>
  </si>
  <si>
    <t>213-0004</t>
  </si>
  <si>
    <t>223-0062</t>
  </si>
  <si>
    <t>川崎市立川崎病院</t>
  </si>
  <si>
    <t>242-0015</t>
  </si>
  <si>
    <t>No.</t>
    <phoneticPr fontId="1"/>
  </si>
  <si>
    <t>施設名</t>
    <rPh sb="0" eb="2">
      <t>シセツ</t>
    </rPh>
    <rPh sb="2" eb="3">
      <t>メイ</t>
    </rPh>
    <phoneticPr fontId="1"/>
  </si>
  <si>
    <t>横浜市</t>
    <rPh sb="0" eb="3">
      <t>ヨコハマシ</t>
    </rPh>
    <phoneticPr fontId="1"/>
  </si>
  <si>
    <t>川崎市</t>
    <rPh sb="0" eb="2">
      <t>カワサキ</t>
    </rPh>
    <rPh sb="2" eb="3">
      <t>シ</t>
    </rPh>
    <phoneticPr fontId="1"/>
  </si>
  <si>
    <t>相模原市</t>
    <rPh sb="0" eb="3">
      <t>サガミハラ</t>
    </rPh>
    <rPh sb="3" eb="4">
      <t>シ</t>
    </rPh>
    <phoneticPr fontId="1"/>
  </si>
  <si>
    <t>県西</t>
    <rPh sb="0" eb="1">
      <t>ケン</t>
    </rPh>
    <rPh sb="1" eb="2">
      <t>ニシ</t>
    </rPh>
    <phoneticPr fontId="1"/>
  </si>
  <si>
    <t>腎疾患の
専門的外来診療</t>
    <rPh sb="0" eb="3">
      <t>ジンシッカン</t>
    </rPh>
    <rPh sb="5" eb="8">
      <t>センモンテキ</t>
    </rPh>
    <rPh sb="8" eb="10">
      <t>ガイライ</t>
    </rPh>
    <rPh sb="10" eb="12">
      <t>シンリョウ</t>
    </rPh>
    <phoneticPr fontId="1"/>
  </si>
  <si>
    <t>腎疾患の
専門的入院診療</t>
    <rPh sb="0" eb="3">
      <t>ジンシッカン</t>
    </rPh>
    <rPh sb="5" eb="8">
      <t>センモンテキ</t>
    </rPh>
    <rPh sb="8" eb="10">
      <t>ニュウイン</t>
    </rPh>
    <rPh sb="10" eb="12">
      <t>シンリョウ</t>
    </rPh>
    <phoneticPr fontId="1"/>
  </si>
  <si>
    <t>腎生検</t>
    <rPh sb="0" eb="1">
      <t>ジン</t>
    </rPh>
    <rPh sb="1" eb="3">
      <t>セイケン</t>
    </rPh>
    <phoneticPr fontId="1"/>
  </si>
  <si>
    <t>腎代替療法選択の
意思決定支援</t>
    <rPh sb="0" eb="1">
      <t>ジン</t>
    </rPh>
    <rPh sb="1" eb="3">
      <t>ダイタイ</t>
    </rPh>
    <rPh sb="3" eb="5">
      <t>リョウホウ</t>
    </rPh>
    <rPh sb="5" eb="7">
      <t>センタク</t>
    </rPh>
    <rPh sb="9" eb="13">
      <t>イシケッテイ</t>
    </rPh>
    <rPh sb="13" eb="15">
      <t>シエン</t>
    </rPh>
    <phoneticPr fontId="1"/>
  </si>
  <si>
    <t>血液透析</t>
    <rPh sb="0" eb="2">
      <t>ケツエキ</t>
    </rPh>
    <rPh sb="2" eb="4">
      <t>トウセキ</t>
    </rPh>
    <phoneticPr fontId="1"/>
  </si>
  <si>
    <t>バスキュラーアクセス手術</t>
    <rPh sb="10" eb="12">
      <t>シュジュツ</t>
    </rPh>
    <phoneticPr fontId="1"/>
  </si>
  <si>
    <t>腹膜透析</t>
    <rPh sb="0" eb="2">
      <t>フクマク</t>
    </rPh>
    <rPh sb="2" eb="4">
      <t>トウセキ</t>
    </rPh>
    <phoneticPr fontId="1"/>
  </si>
  <si>
    <t>腎移植</t>
    <rPh sb="0" eb="3">
      <t>ジンイショク</t>
    </rPh>
    <phoneticPr fontId="1"/>
  </si>
  <si>
    <t>ＣＫＤ
教育入院</t>
    <rPh sb="4" eb="6">
      <t>キョウイク</t>
    </rPh>
    <rPh sb="6" eb="8">
      <t>ニュウイン</t>
    </rPh>
    <phoneticPr fontId="1"/>
  </si>
  <si>
    <t>ＣＫＤ
療養指導士</t>
    <rPh sb="4" eb="6">
      <t>リョウヨウ</t>
    </rPh>
    <rPh sb="6" eb="8">
      <t>シドウ</t>
    </rPh>
    <rPh sb="8" eb="9">
      <t>シ</t>
    </rPh>
    <phoneticPr fontId="1"/>
  </si>
  <si>
    <t>多職種連携によるＣＫＤ療養指導</t>
    <rPh sb="0" eb="1">
      <t>タ</t>
    </rPh>
    <rPh sb="1" eb="3">
      <t>ショクシュ</t>
    </rPh>
    <rPh sb="3" eb="5">
      <t>レンケイ</t>
    </rPh>
    <rPh sb="11" eb="13">
      <t>リョウヨウ</t>
    </rPh>
    <rPh sb="13" eb="15">
      <t>シドウ</t>
    </rPh>
    <phoneticPr fontId="1"/>
  </si>
  <si>
    <t>対応可能な診療等について</t>
    <rPh sb="0" eb="2">
      <t>タイオウ</t>
    </rPh>
    <rPh sb="2" eb="4">
      <t>カノウ</t>
    </rPh>
    <rPh sb="5" eb="7">
      <t>シンリョウ</t>
    </rPh>
    <rPh sb="7" eb="8">
      <t>トウ</t>
    </rPh>
    <phoneticPr fontId="1"/>
  </si>
  <si>
    <t>可能</t>
    <rPh sb="0" eb="2">
      <t>カノウ</t>
    </rPh>
    <phoneticPr fontId="1"/>
  </si>
  <si>
    <t>不可能</t>
    <rPh sb="0" eb="3">
      <t>フカノウ</t>
    </rPh>
    <phoneticPr fontId="1"/>
  </si>
  <si>
    <t>行っていない</t>
    <rPh sb="0" eb="1">
      <t>オコナ</t>
    </rPh>
    <phoneticPr fontId="1"/>
  </si>
  <si>
    <t>いない</t>
    <phoneticPr fontId="1"/>
  </si>
  <si>
    <t>いない</t>
  </si>
  <si>
    <t>医療法人社団慈友会山田内科</t>
  </si>
  <si>
    <t>行っている</t>
    <rPh sb="0" eb="1">
      <t>オコナ</t>
    </rPh>
    <phoneticPr fontId="1"/>
  </si>
  <si>
    <t>急患・救急等の
連絡先</t>
    <rPh sb="0" eb="2">
      <t>キュウカン</t>
    </rPh>
    <rPh sb="3" eb="5">
      <t>キュウキュウ</t>
    </rPh>
    <rPh sb="5" eb="6">
      <t>トウ</t>
    </rPh>
    <rPh sb="8" eb="11">
      <t>レンラクサキ</t>
    </rPh>
    <phoneticPr fontId="1"/>
  </si>
  <si>
    <t>045-891-2171</t>
    <phoneticPr fontId="1"/>
  </si>
  <si>
    <t>042-742-5055</t>
    <phoneticPr fontId="1"/>
  </si>
  <si>
    <t>いる</t>
    <phoneticPr fontId="1"/>
  </si>
  <si>
    <t>可能</t>
  </si>
  <si>
    <t>行っている</t>
    <rPh sb="0" eb="1">
      <t>オコナ</t>
    </rPh>
    <phoneticPr fontId="1"/>
  </si>
  <si>
    <t>いる</t>
    <phoneticPr fontId="1"/>
  </si>
  <si>
    <t>045-628-6100</t>
    <phoneticPr fontId="1"/>
  </si>
  <si>
    <t>可能</t>
    <rPh sb="0" eb="2">
      <t>カノウ</t>
    </rPh>
    <phoneticPr fontId="1"/>
  </si>
  <si>
    <t>不可能</t>
    <rPh sb="0" eb="3">
      <t>フカノウ</t>
    </rPh>
    <phoneticPr fontId="1"/>
  </si>
  <si>
    <t>行っていない</t>
    <rPh sb="0" eb="1">
      <t>オコナ</t>
    </rPh>
    <phoneticPr fontId="1"/>
  </si>
  <si>
    <t>いない</t>
    <phoneticPr fontId="1"/>
  </si>
  <si>
    <t>046-236-3000</t>
    <phoneticPr fontId="1"/>
  </si>
  <si>
    <t>045-743-3377</t>
    <phoneticPr fontId="1"/>
  </si>
  <si>
    <t>042-742-3577</t>
    <phoneticPr fontId="1"/>
  </si>
  <si>
    <t>045-825-2111</t>
    <phoneticPr fontId="1"/>
  </si>
  <si>
    <t>不可能</t>
    <rPh sb="0" eb="1">
      <t>フ</t>
    </rPh>
    <rPh sb="1" eb="3">
      <t>カノウ</t>
    </rPh>
    <phoneticPr fontId="1"/>
  </si>
  <si>
    <t>044-877-5111</t>
    <phoneticPr fontId="1"/>
  </si>
  <si>
    <t>045-331-1251</t>
    <phoneticPr fontId="1"/>
  </si>
  <si>
    <t>044-844-3333</t>
    <phoneticPr fontId="1"/>
  </si>
  <si>
    <t>可能</t>
    <phoneticPr fontId="1"/>
  </si>
  <si>
    <t>腎臓専門医氏名
（常勤）</t>
    <rPh sb="0" eb="2">
      <t>ジンゾウ</t>
    </rPh>
    <rPh sb="2" eb="5">
      <t>センモンイ</t>
    </rPh>
    <rPh sb="5" eb="7">
      <t>シメイ</t>
    </rPh>
    <rPh sb="9" eb="11">
      <t>ジョウキン</t>
    </rPh>
    <phoneticPr fontId="1"/>
  </si>
  <si>
    <t>可能(経験豊富な多くの腎臓専門医が対応)</t>
    <rPh sb="0" eb="2">
      <t>カノウ</t>
    </rPh>
    <rPh sb="3" eb="5">
      <t>ケイケン</t>
    </rPh>
    <rPh sb="5" eb="7">
      <t>ホウフ</t>
    </rPh>
    <rPh sb="8" eb="9">
      <t>オオ</t>
    </rPh>
    <rPh sb="11" eb="13">
      <t>ジンゾウ</t>
    </rPh>
    <rPh sb="13" eb="16">
      <t>センモンイ</t>
    </rPh>
    <rPh sb="17" eb="19">
      <t>タイオウ</t>
    </rPh>
    <phoneticPr fontId="1"/>
  </si>
  <si>
    <t>可能(365日24時間にわたって急患・救急の対応可能)</t>
    <rPh sb="0" eb="2">
      <t>カノウ</t>
    </rPh>
    <phoneticPr fontId="1"/>
  </si>
  <si>
    <t>可能(遺伝学的検査も対応)</t>
    <rPh sb="0" eb="2">
      <t>カノウ</t>
    </rPh>
    <rPh sb="3" eb="7">
      <t>イデンガクテキ</t>
    </rPh>
    <rPh sb="7" eb="9">
      <t>ケンサ</t>
    </rPh>
    <rPh sb="10" eb="12">
      <t>タイオウ</t>
    </rPh>
    <phoneticPr fontId="1"/>
  </si>
  <si>
    <t>可能(専門的な腎代替療法選択外来を設置)</t>
    <rPh sb="0" eb="2">
      <t>カノウ</t>
    </rPh>
    <phoneticPr fontId="1"/>
  </si>
  <si>
    <t>可能(365日24時間にわたって緊急的血液透析の実施可能)</t>
    <rPh sb="0" eb="2">
      <t>カノウ</t>
    </rPh>
    <rPh sb="16" eb="19">
      <t>キンキュウテキ</t>
    </rPh>
    <rPh sb="19" eb="21">
      <t>ケツエキ</t>
    </rPh>
    <rPh sb="21" eb="23">
      <t>トウセキ</t>
    </rPh>
    <rPh sb="24" eb="26">
      <t>ジッシ</t>
    </rPh>
    <phoneticPr fontId="1"/>
  </si>
  <si>
    <t>可能(心臓血管外科とも連携)</t>
    <rPh sb="0" eb="2">
      <t>カノウ</t>
    </rPh>
    <rPh sb="3" eb="5">
      <t>シンゾウ</t>
    </rPh>
    <rPh sb="5" eb="7">
      <t>ケッカン</t>
    </rPh>
    <rPh sb="7" eb="9">
      <t>ゲカ</t>
    </rPh>
    <rPh sb="11" eb="13">
      <t>レンケイ</t>
    </rPh>
    <phoneticPr fontId="1"/>
  </si>
  <si>
    <t>可能(合併症治療経験も豊富)</t>
    <rPh sb="0" eb="2">
      <t>カノウ</t>
    </rPh>
    <rPh sb="3" eb="6">
      <t>ガッペイショウ</t>
    </rPh>
    <rPh sb="6" eb="8">
      <t>チリョウ</t>
    </rPh>
    <rPh sb="8" eb="10">
      <t>ケイケン</t>
    </rPh>
    <rPh sb="11" eb="13">
      <t>ホウフ</t>
    </rPh>
    <phoneticPr fontId="1"/>
  </si>
  <si>
    <t>行っている(クリニカルパスにて入院プログラム完備)</t>
    <rPh sb="0" eb="1">
      <t>オコナ</t>
    </rPh>
    <rPh sb="15" eb="17">
      <t>ニュウイン</t>
    </rPh>
    <rPh sb="22" eb="24">
      <t>カンビ</t>
    </rPh>
    <phoneticPr fontId="1"/>
  </si>
  <si>
    <t>可能(複数の専門的医療職チームによる包括的対応が可能)</t>
    <rPh sb="0" eb="2">
      <t>カノウ</t>
    </rPh>
    <rPh sb="3" eb="5">
      <t>フクスウ</t>
    </rPh>
    <rPh sb="6" eb="9">
      <t>センモンテキ</t>
    </rPh>
    <rPh sb="9" eb="11">
      <t>イリョウ</t>
    </rPh>
    <rPh sb="11" eb="12">
      <t>ショク</t>
    </rPh>
    <rPh sb="18" eb="21">
      <t>ホウカツテキ</t>
    </rPh>
    <rPh sb="21" eb="23">
      <t>タイオウ</t>
    </rPh>
    <rPh sb="24" eb="26">
      <t>カノウ</t>
    </rPh>
    <phoneticPr fontId="1"/>
  </si>
  <si>
    <t>045-787-2800
(内　5567)</t>
    <rPh sb="14" eb="15">
      <t>ナイ</t>
    </rPh>
    <phoneticPr fontId="1"/>
  </si>
  <si>
    <t>046-221-1570</t>
    <phoneticPr fontId="1"/>
  </si>
  <si>
    <t>可能(維持透析を行っている)</t>
    <rPh sb="0" eb="2">
      <t>カノウ</t>
    </rPh>
    <rPh sb="3" eb="5">
      <t>イジ</t>
    </rPh>
    <rPh sb="5" eb="7">
      <t>トウセキ</t>
    </rPh>
    <rPh sb="8" eb="9">
      <t>オコナ</t>
    </rPh>
    <phoneticPr fontId="1"/>
  </si>
  <si>
    <t>可能(血管外科常勤医による対応可能)</t>
    <rPh sb="0" eb="2">
      <t>カノウ</t>
    </rPh>
    <rPh sb="3" eb="5">
      <t>ケッカン</t>
    </rPh>
    <rPh sb="5" eb="7">
      <t>ゲカ</t>
    </rPh>
    <rPh sb="7" eb="9">
      <t>ジョウキン</t>
    </rPh>
    <rPh sb="9" eb="10">
      <t>イ</t>
    </rPh>
    <rPh sb="13" eb="15">
      <t>タイオウ</t>
    </rPh>
    <rPh sb="15" eb="17">
      <t>カノウ</t>
    </rPh>
    <phoneticPr fontId="1"/>
  </si>
  <si>
    <t>可能(導入から維持透析まで)</t>
    <rPh sb="0" eb="2">
      <t>カノウ</t>
    </rPh>
    <rPh sb="3" eb="5">
      <t>ドウニュウ</t>
    </rPh>
    <rPh sb="7" eb="9">
      <t>イジ</t>
    </rPh>
    <rPh sb="9" eb="11">
      <t>トウセキ</t>
    </rPh>
    <phoneticPr fontId="1"/>
  </si>
  <si>
    <t>045-962-3338</t>
    <phoneticPr fontId="1"/>
  </si>
  <si>
    <t>044-322-9991</t>
    <phoneticPr fontId="1"/>
  </si>
  <si>
    <t>行ってない</t>
    <rPh sb="0" eb="1">
      <t>オコナ</t>
    </rPh>
    <phoneticPr fontId="1"/>
  </si>
  <si>
    <t>044-322-9425</t>
    <phoneticPr fontId="1"/>
  </si>
  <si>
    <t>0467-46-1717</t>
    <phoneticPr fontId="1"/>
  </si>
  <si>
    <t>0465-24-3121</t>
    <phoneticPr fontId="1"/>
  </si>
  <si>
    <t>横須賀市立市民病院</t>
    <phoneticPr fontId="1"/>
  </si>
  <si>
    <t>046-856-3136</t>
    <phoneticPr fontId="1"/>
  </si>
  <si>
    <t>可能(近隣関連クリニックの腎臓専門外来での診療)</t>
    <rPh sb="0" eb="2">
      <t>カノウ</t>
    </rPh>
    <rPh sb="3" eb="5">
      <t>キンリン</t>
    </rPh>
    <rPh sb="5" eb="7">
      <t>カンレン</t>
    </rPh>
    <rPh sb="13" eb="15">
      <t>ジンゾウ</t>
    </rPh>
    <rPh sb="15" eb="17">
      <t>センモン</t>
    </rPh>
    <rPh sb="17" eb="19">
      <t>ガイライ</t>
    </rPh>
    <rPh sb="21" eb="23">
      <t>シンリョウ</t>
    </rPh>
    <phoneticPr fontId="1"/>
  </si>
  <si>
    <t>可能(近隣関連クリニックに腎臓病相談外来が併設)</t>
    <rPh sb="0" eb="2">
      <t>カノウ</t>
    </rPh>
    <rPh sb="3" eb="5">
      <t>キンリン</t>
    </rPh>
    <rPh sb="5" eb="7">
      <t>カンレン</t>
    </rPh>
    <rPh sb="13" eb="16">
      <t>ジンゾウビョウ</t>
    </rPh>
    <rPh sb="16" eb="18">
      <t>ソウダン</t>
    </rPh>
    <rPh sb="18" eb="20">
      <t>ガイライ</t>
    </rPh>
    <rPh sb="21" eb="23">
      <t>ヘイセツ</t>
    </rPh>
    <phoneticPr fontId="1"/>
  </si>
  <si>
    <t>044-544-4611</t>
    <phoneticPr fontId="1"/>
  </si>
  <si>
    <t>可能(2024年以降に開設予定)</t>
    <rPh sb="0" eb="2">
      <t>カノウ</t>
    </rPh>
    <phoneticPr fontId="1"/>
  </si>
  <si>
    <t>045-949-7000</t>
    <phoneticPr fontId="1"/>
  </si>
  <si>
    <t>042-752-1808</t>
    <phoneticPr fontId="1"/>
  </si>
  <si>
    <t>可能(看護師・栄養士・薬剤師・社会福祉士)</t>
    <rPh sb="0" eb="2">
      <t>カノウ</t>
    </rPh>
    <phoneticPr fontId="1"/>
  </si>
  <si>
    <t>可能(シャント・表在化・長期カテーテルのみ。人工血管は不可)</t>
    <rPh sb="0" eb="2">
      <t>カノウ</t>
    </rPh>
    <phoneticPr fontId="1"/>
  </si>
  <si>
    <t>可能(医師、看護師、薬剤師、管理栄養士)</t>
    <rPh sb="0" eb="2">
      <t>カノウ</t>
    </rPh>
    <phoneticPr fontId="1"/>
  </si>
  <si>
    <t>0467-52-1111</t>
    <phoneticPr fontId="1"/>
  </si>
  <si>
    <t>可能</t>
    <phoneticPr fontId="1"/>
  </si>
  <si>
    <t>不可能</t>
    <rPh sb="0" eb="3">
      <t>フカノウ</t>
    </rPh>
    <phoneticPr fontId="1"/>
  </si>
  <si>
    <t>行っている</t>
    <rPh sb="0" eb="1">
      <t>オコナ</t>
    </rPh>
    <phoneticPr fontId="1"/>
  </si>
  <si>
    <t>可能</t>
    <rPh sb="0" eb="2">
      <t>カノウ</t>
    </rPh>
    <phoneticPr fontId="1"/>
  </si>
  <si>
    <t>可能(腎生検による正確な診断と治療、腎代替療法の準備、導入など)</t>
    <rPh sb="0" eb="2">
      <t>カノウ</t>
    </rPh>
    <phoneticPr fontId="1"/>
  </si>
  <si>
    <t>可能(腎代替療法選択外来もあり)</t>
    <rPh sb="0" eb="2">
      <t>カノウ</t>
    </rPh>
    <phoneticPr fontId="1"/>
  </si>
  <si>
    <t>可能(基本的には透析の導入、透析患者の合併症入院時の対応)</t>
    <rPh sb="0" eb="2">
      <t>カノウ</t>
    </rPh>
    <phoneticPr fontId="1"/>
  </si>
  <si>
    <t>可能(腎臓専門外来、腎移植ドナー外来、多発性嚢胞腎外来、CAPDなど)</t>
    <rPh sb="0" eb="2">
      <t>カノウ</t>
    </rPh>
    <phoneticPr fontId="1"/>
  </si>
  <si>
    <t>可能(内シャント手術、動脈の表在化、長期留置カテーテル、人工血管など心血管外科とも連携し、適時対応)</t>
    <rPh sb="0" eb="2">
      <t>カノウ</t>
    </rPh>
    <rPh sb="3" eb="4">
      <t>ウチ</t>
    </rPh>
    <rPh sb="8" eb="10">
      <t>シュジュツ</t>
    </rPh>
    <rPh sb="11" eb="13">
      <t>ドウミャク</t>
    </rPh>
    <rPh sb="14" eb="15">
      <t>ヒョウ</t>
    </rPh>
    <rPh sb="16" eb="17">
      <t>カ</t>
    </rPh>
    <rPh sb="18" eb="20">
      <t>チョウキ</t>
    </rPh>
    <rPh sb="20" eb="22">
      <t>リュウチ</t>
    </rPh>
    <rPh sb="28" eb="30">
      <t>ジンコウ</t>
    </rPh>
    <rPh sb="30" eb="32">
      <t>ケッカン</t>
    </rPh>
    <rPh sb="34" eb="35">
      <t>シン</t>
    </rPh>
    <rPh sb="35" eb="37">
      <t>ケッカン</t>
    </rPh>
    <rPh sb="37" eb="39">
      <t>ゲカ</t>
    </rPh>
    <rPh sb="41" eb="43">
      <t>レンケイ</t>
    </rPh>
    <rPh sb="45" eb="47">
      <t>テキジ</t>
    </rPh>
    <rPh sb="47" eb="49">
      <t>タイオウ</t>
    </rPh>
    <phoneticPr fontId="1"/>
  </si>
  <si>
    <t>可能(透析導入・管理とともに、PD患者の他疾患入院中のサポートなど)</t>
    <rPh sb="0" eb="2">
      <t>カノウ</t>
    </rPh>
    <rPh sb="3" eb="5">
      <t>トウセキ</t>
    </rPh>
    <rPh sb="5" eb="7">
      <t>ドウニュウ</t>
    </rPh>
    <rPh sb="8" eb="10">
      <t>カンリ</t>
    </rPh>
    <rPh sb="17" eb="19">
      <t>カンジャ</t>
    </rPh>
    <rPh sb="20" eb="21">
      <t>タ</t>
    </rPh>
    <rPh sb="21" eb="23">
      <t>シッカン</t>
    </rPh>
    <rPh sb="23" eb="26">
      <t>ニュウインチュウ</t>
    </rPh>
    <phoneticPr fontId="1"/>
  </si>
  <si>
    <t>可能(生体腎移植、献腎移植ともに、泌尿器・腎移植科の医師と腎臓・高血圧内科医師が連携して対応。［透析導入期加算３の病院］)</t>
    <rPh sb="0" eb="2">
      <t>カノウ</t>
    </rPh>
    <rPh sb="3" eb="5">
      <t>セイタイ</t>
    </rPh>
    <rPh sb="5" eb="8">
      <t>ジンイショク</t>
    </rPh>
    <rPh sb="9" eb="11">
      <t>ケンジン</t>
    </rPh>
    <rPh sb="11" eb="13">
      <t>イショク</t>
    </rPh>
    <rPh sb="17" eb="20">
      <t>ヒニョウキ</t>
    </rPh>
    <rPh sb="21" eb="24">
      <t>ジンイショク</t>
    </rPh>
    <rPh sb="24" eb="25">
      <t>カ</t>
    </rPh>
    <rPh sb="26" eb="28">
      <t>イシ</t>
    </rPh>
    <rPh sb="29" eb="31">
      <t>ジンゾウ</t>
    </rPh>
    <rPh sb="32" eb="35">
      <t>コウケツアツ</t>
    </rPh>
    <rPh sb="35" eb="37">
      <t>ナイカ</t>
    </rPh>
    <rPh sb="37" eb="39">
      <t>イシ</t>
    </rPh>
    <rPh sb="40" eb="42">
      <t>レンケイ</t>
    </rPh>
    <rPh sb="44" eb="46">
      <t>タイオウ</t>
    </rPh>
    <rPh sb="48" eb="50">
      <t>トウセキ</t>
    </rPh>
    <rPh sb="50" eb="52">
      <t>ドウニュウ</t>
    </rPh>
    <rPh sb="52" eb="53">
      <t>キ</t>
    </rPh>
    <rPh sb="53" eb="55">
      <t>カサン</t>
    </rPh>
    <rPh sb="57" eb="59">
      <t>ビョウイン</t>
    </rPh>
    <phoneticPr fontId="1"/>
  </si>
  <si>
    <t>行っている(食事療法を経験していただくとともに、腎臓の働きと病態生理、治療の基本を学べる)</t>
    <rPh sb="0" eb="1">
      <t>オコナ</t>
    </rPh>
    <rPh sb="6" eb="8">
      <t>ショクジ</t>
    </rPh>
    <rPh sb="8" eb="10">
      <t>リョウホウ</t>
    </rPh>
    <rPh sb="11" eb="13">
      <t>ケイケン</t>
    </rPh>
    <rPh sb="24" eb="26">
      <t>ジンゾウ</t>
    </rPh>
    <rPh sb="27" eb="28">
      <t>ハタラ</t>
    </rPh>
    <rPh sb="30" eb="32">
      <t>ビョウタイ</t>
    </rPh>
    <rPh sb="32" eb="34">
      <t>セイリ</t>
    </rPh>
    <rPh sb="35" eb="37">
      <t>チリョウ</t>
    </rPh>
    <rPh sb="38" eb="40">
      <t>キホン</t>
    </rPh>
    <rPh sb="41" eb="42">
      <t>マナ</t>
    </rPh>
    <phoneticPr fontId="1"/>
  </si>
  <si>
    <t>いる</t>
    <phoneticPr fontId="1"/>
  </si>
  <si>
    <t>可能(腎代替療法選択外来に加え、教育入院や腎臓病教室で連携指導)</t>
    <rPh sb="0" eb="2">
      <t>カノウ</t>
    </rPh>
    <rPh sb="3" eb="4">
      <t>ジン</t>
    </rPh>
    <rPh sb="4" eb="6">
      <t>ダイタイ</t>
    </rPh>
    <rPh sb="6" eb="8">
      <t>リョウホウ</t>
    </rPh>
    <rPh sb="8" eb="10">
      <t>センタク</t>
    </rPh>
    <rPh sb="10" eb="12">
      <t>ガイライ</t>
    </rPh>
    <rPh sb="13" eb="14">
      <t>クワ</t>
    </rPh>
    <rPh sb="16" eb="18">
      <t>キョウイク</t>
    </rPh>
    <rPh sb="18" eb="20">
      <t>ニュウイン</t>
    </rPh>
    <rPh sb="21" eb="24">
      <t>ジンゾウビョウ</t>
    </rPh>
    <rPh sb="24" eb="26">
      <t>キョウシツ</t>
    </rPh>
    <rPh sb="27" eb="29">
      <t>レンケイ</t>
    </rPh>
    <rPh sb="29" eb="31">
      <t>シドウ</t>
    </rPh>
    <phoneticPr fontId="1"/>
  </si>
  <si>
    <t>いない</t>
    <phoneticPr fontId="1"/>
  </si>
  <si>
    <t>045-921-6115</t>
    <phoneticPr fontId="1"/>
  </si>
  <si>
    <t>行っていない</t>
    <rPh sb="0" eb="1">
      <t>オコナ</t>
    </rPh>
    <phoneticPr fontId="1"/>
  </si>
  <si>
    <t>可能(要予約。044-556-2722へお問い合わせください)</t>
    <rPh sb="3" eb="6">
      <t>ヨウヨヤク</t>
    </rPh>
    <phoneticPr fontId="1"/>
  </si>
  <si>
    <t>不可能(同法人内　川崎幸病院へ紹介可能)</t>
    <rPh sb="0" eb="3">
      <t>フカノウ</t>
    </rPh>
    <phoneticPr fontId="1"/>
  </si>
  <si>
    <t>044-411-3131</t>
    <phoneticPr fontId="1"/>
  </si>
  <si>
    <t>可能</t>
    <rPh sb="0" eb="2">
      <t>カノウ</t>
    </rPh>
    <phoneticPr fontId="1"/>
  </si>
  <si>
    <t>不可能</t>
    <rPh sb="0" eb="3">
      <t>フカノウ</t>
    </rPh>
    <phoneticPr fontId="1"/>
  </si>
  <si>
    <t>行っていない</t>
    <rPh sb="0" eb="1">
      <t>オコナ</t>
    </rPh>
    <phoneticPr fontId="1"/>
  </si>
  <si>
    <t>いない</t>
    <phoneticPr fontId="1"/>
  </si>
  <si>
    <t>行っている</t>
    <rPh sb="0" eb="1">
      <t>オコナ</t>
    </rPh>
    <phoneticPr fontId="1"/>
  </si>
  <si>
    <t>いる</t>
    <phoneticPr fontId="1"/>
  </si>
  <si>
    <t>045-942-5132</t>
    <phoneticPr fontId="1"/>
  </si>
  <si>
    <t>045-715-3111</t>
    <phoneticPr fontId="1"/>
  </si>
  <si>
    <t>いない(関連の外来施設に在籍しており、連携している)</t>
    <phoneticPr fontId="1"/>
  </si>
  <si>
    <t>可能</t>
    <rPh sb="0" eb="2">
      <t>カノウ</t>
    </rPh>
    <phoneticPr fontId="1"/>
  </si>
  <si>
    <t>不可能</t>
    <rPh sb="0" eb="3">
      <t>フカノウ</t>
    </rPh>
    <phoneticPr fontId="1"/>
  </si>
  <si>
    <t>行っている</t>
    <rPh sb="0" eb="1">
      <t>オコナ</t>
    </rPh>
    <phoneticPr fontId="1"/>
  </si>
  <si>
    <t>いない</t>
    <phoneticPr fontId="1"/>
  </si>
  <si>
    <t>044-222-2111</t>
    <phoneticPr fontId="1"/>
  </si>
  <si>
    <t>行っていない</t>
    <rPh sb="0" eb="1">
      <t>オコナ</t>
    </rPh>
    <phoneticPr fontId="1"/>
  </si>
  <si>
    <t>可能(人工透析専門外来)</t>
    <rPh sb="0" eb="2">
      <t>カノウ</t>
    </rPh>
    <rPh sb="3" eb="5">
      <t>ジンコウ</t>
    </rPh>
    <rPh sb="5" eb="7">
      <t>トウセキ</t>
    </rPh>
    <rPh sb="7" eb="9">
      <t>センモン</t>
    </rPh>
    <rPh sb="9" eb="11">
      <t>ガイライ</t>
    </rPh>
    <phoneticPr fontId="1"/>
  </si>
  <si>
    <t>行っていない</t>
    <rPh sb="0" eb="1">
      <t>オコナ</t>
    </rPh>
    <phoneticPr fontId="1"/>
  </si>
  <si>
    <t>不可能</t>
    <rPh sb="0" eb="3">
      <t>フカノウ</t>
    </rPh>
    <phoneticPr fontId="1"/>
  </si>
  <si>
    <t>可能</t>
    <rPh sb="0" eb="2">
      <t>カノウ</t>
    </rPh>
    <phoneticPr fontId="1"/>
  </si>
  <si>
    <t>いる</t>
    <phoneticPr fontId="1"/>
  </si>
  <si>
    <t>0467-87-3322</t>
    <phoneticPr fontId="1"/>
  </si>
  <si>
    <t>いない</t>
    <phoneticPr fontId="1"/>
  </si>
  <si>
    <t>236-0004</t>
    <phoneticPr fontId="1"/>
  </si>
  <si>
    <t>可能</t>
    <rPh sb="0" eb="2">
      <t>カノウ</t>
    </rPh>
    <phoneticPr fontId="1"/>
  </si>
  <si>
    <t>不可能</t>
    <rPh sb="0" eb="3">
      <t>フカノウ</t>
    </rPh>
    <phoneticPr fontId="1"/>
  </si>
  <si>
    <t>行っていない</t>
    <rPh sb="0" eb="1">
      <t>オコナ</t>
    </rPh>
    <phoneticPr fontId="1"/>
  </si>
  <si>
    <t>044-955-9126</t>
    <phoneticPr fontId="1"/>
  </si>
  <si>
    <t>可能</t>
    <rPh sb="0" eb="2">
      <t>カノウ</t>
    </rPh>
    <phoneticPr fontId="1"/>
  </si>
  <si>
    <t>可能(血液透析導入や合併症の治療目的に入院される方のみ)</t>
    <phoneticPr fontId="1"/>
  </si>
  <si>
    <t>不可能</t>
    <rPh sb="0" eb="3">
      <t>フカノウ</t>
    </rPh>
    <phoneticPr fontId="1"/>
  </si>
  <si>
    <t>行っていない</t>
    <rPh sb="0" eb="1">
      <t>オコナ</t>
    </rPh>
    <phoneticPr fontId="1"/>
  </si>
  <si>
    <t>046-233-1311</t>
    <phoneticPr fontId="1"/>
  </si>
  <si>
    <t>可能(人工透析専門)</t>
    <rPh sb="0" eb="2">
      <t>カノウ</t>
    </rPh>
    <rPh sb="3" eb="5">
      <t>ジンコウ</t>
    </rPh>
    <rPh sb="5" eb="7">
      <t>トウセキ</t>
    </rPh>
    <rPh sb="7" eb="9">
      <t>センモン</t>
    </rPh>
    <phoneticPr fontId="1"/>
  </si>
  <si>
    <t>可能(人工透析と併用による治療のみ可能)</t>
    <rPh sb="0" eb="2">
      <t>カノウ</t>
    </rPh>
    <rPh sb="3" eb="5">
      <t>ジンコウ</t>
    </rPh>
    <rPh sb="5" eb="7">
      <t>トウセキ</t>
    </rPh>
    <rPh sb="8" eb="10">
      <t>ヘイヨウ</t>
    </rPh>
    <rPh sb="13" eb="15">
      <t>チリョウ</t>
    </rPh>
    <rPh sb="17" eb="19">
      <t>カノウ</t>
    </rPh>
    <phoneticPr fontId="1"/>
  </si>
  <si>
    <t>いない</t>
    <phoneticPr fontId="1"/>
  </si>
  <si>
    <t>不可能</t>
    <rPh sb="0" eb="3">
      <t>フカノウ</t>
    </rPh>
    <phoneticPr fontId="1"/>
  </si>
  <si>
    <t>行っていない</t>
    <rPh sb="0" eb="1">
      <t>オコナ</t>
    </rPh>
    <phoneticPr fontId="1"/>
  </si>
  <si>
    <t>いない</t>
    <phoneticPr fontId="1"/>
  </si>
  <si>
    <t>永山　嘉恭
井上　隆
市倉　綾那</t>
    <phoneticPr fontId="1"/>
  </si>
  <si>
    <t>原　義和
藤井　健太郎</t>
    <phoneticPr fontId="1"/>
  </si>
  <si>
    <t>真弓　健吾
大石　真理子</t>
    <phoneticPr fontId="1"/>
  </si>
  <si>
    <t>押川　仁
千葉　恭司</t>
    <phoneticPr fontId="1"/>
  </si>
  <si>
    <t>安藤　孝
川口　隆久</t>
    <phoneticPr fontId="1"/>
  </si>
  <si>
    <t>滝本　千恵
一條　真梨子
前田　麻実</t>
    <phoneticPr fontId="1"/>
  </si>
  <si>
    <t>澤　直樹
諏訪部　達也
山内　真之
大庭　悠貴
栗原　重和</t>
    <rPh sb="0" eb="1">
      <t>サワ</t>
    </rPh>
    <rPh sb="2" eb="4">
      <t>ナオキ</t>
    </rPh>
    <phoneticPr fontId="1"/>
  </si>
  <si>
    <t>前波　輝彦
大和田　滋</t>
    <phoneticPr fontId="1"/>
  </si>
  <si>
    <t>森下　将充
塚田　美保
本田　康介
石出　崇
勝俣　陽貴</t>
    <phoneticPr fontId="1"/>
  </si>
  <si>
    <t>浅井　友基
井田　真生子</t>
    <rPh sb="0" eb="2">
      <t>アサイ</t>
    </rPh>
    <rPh sb="3" eb="4">
      <t>トモ</t>
    </rPh>
    <rPh sb="4" eb="5">
      <t>モトイ</t>
    </rPh>
    <phoneticPr fontId="1"/>
  </si>
  <si>
    <t>岩崎　美津子
佐藤　かすみ</t>
    <phoneticPr fontId="1"/>
  </si>
  <si>
    <t>阪　聡
内田　満美子</t>
    <phoneticPr fontId="1"/>
  </si>
  <si>
    <t>増田　真一朗
三浦　隆彦</t>
    <phoneticPr fontId="1"/>
  </si>
  <si>
    <t>北村　真
飛田　美穂</t>
    <phoneticPr fontId="1"/>
  </si>
  <si>
    <t>森　良孝
田中　寿絵</t>
    <phoneticPr fontId="1"/>
  </si>
  <si>
    <t>小林　直之
森口　いぶき</t>
    <phoneticPr fontId="1"/>
  </si>
  <si>
    <t>232-0024</t>
    <phoneticPr fontId="1"/>
  </si>
  <si>
    <t>232-0006</t>
    <phoneticPr fontId="1"/>
  </si>
  <si>
    <t>233-0002</t>
    <phoneticPr fontId="1"/>
  </si>
  <si>
    <t>222-0033</t>
    <phoneticPr fontId="1"/>
  </si>
  <si>
    <t>211-0004</t>
    <phoneticPr fontId="1"/>
  </si>
  <si>
    <t>247-0056</t>
    <phoneticPr fontId="1"/>
  </si>
  <si>
    <t>可能(慢性腎臓病を基本に診療可能)</t>
    <rPh sb="0" eb="2">
      <t>カノウ</t>
    </rPh>
    <rPh sb="3" eb="5">
      <t>マンセイ</t>
    </rPh>
    <rPh sb="5" eb="8">
      <t>ジンゾウビョウ</t>
    </rPh>
    <rPh sb="9" eb="11">
      <t>キホン</t>
    </rPh>
    <rPh sb="12" eb="14">
      <t>シンリョウ</t>
    </rPh>
    <rPh sb="14" eb="16">
      <t>カノウ</t>
    </rPh>
    <phoneticPr fontId="1"/>
  </si>
  <si>
    <t>251-0042</t>
  </si>
  <si>
    <t>石黒　裕章</t>
  </si>
  <si>
    <t>不可能</t>
    <rPh sb="0" eb="3">
      <t>フカノウ</t>
    </rPh>
    <phoneticPr fontId="1"/>
  </si>
  <si>
    <t>可能</t>
    <rPh sb="0" eb="2">
      <t>カノウ</t>
    </rPh>
    <phoneticPr fontId="1"/>
  </si>
  <si>
    <t>行っていない</t>
    <rPh sb="0" eb="1">
      <t>オコナ</t>
    </rPh>
    <phoneticPr fontId="1"/>
  </si>
  <si>
    <t>いない</t>
    <phoneticPr fontId="1"/>
  </si>
  <si>
    <t>不可能(大学病院と連携により、移植外来等への紹介を行う)</t>
    <rPh sb="0" eb="3">
      <t>フカノウ</t>
    </rPh>
    <phoneticPr fontId="1"/>
  </si>
  <si>
    <t>行っていない(同法人内　川崎幸病院へ紹介可能)</t>
    <rPh sb="0" eb="1">
      <t>オコナ</t>
    </rPh>
    <phoneticPr fontId="1"/>
  </si>
  <si>
    <t>住所</t>
    <rPh sb="0" eb="2">
      <t>ジュウショ</t>
    </rPh>
    <phoneticPr fontId="1"/>
  </si>
  <si>
    <t>神奈川県横浜市鶴見区
下末吉３－６－１</t>
    <phoneticPr fontId="1"/>
  </si>
  <si>
    <t>神奈川県横浜市西区
みなとみらい３－７－３</t>
    <phoneticPr fontId="1"/>
  </si>
  <si>
    <t>神奈川県横浜市西区
高島２－５－１５</t>
    <phoneticPr fontId="1"/>
  </si>
  <si>
    <t>神奈川県横浜市中区
滝之上１２８</t>
    <phoneticPr fontId="1"/>
  </si>
  <si>
    <t>神奈川県横浜市中区
新山下３－１２－１</t>
    <phoneticPr fontId="1"/>
  </si>
  <si>
    <t>神奈川県横浜市南区
中村町１－１－１</t>
    <phoneticPr fontId="1"/>
  </si>
  <si>
    <t>神奈川県横浜市南区
浦舟町４－５７</t>
    <phoneticPr fontId="1"/>
  </si>
  <si>
    <t>神奈川県横浜市南区
永田東１－３－２０</t>
    <phoneticPr fontId="1"/>
  </si>
  <si>
    <t>神奈川県横浜市南区
南太田１－３４－７</t>
    <phoneticPr fontId="1"/>
  </si>
  <si>
    <t>神奈川県横浜市港南区
港南台３－２－１０</t>
    <phoneticPr fontId="1"/>
  </si>
  <si>
    <t>神奈川県横浜市港南区
上大岡西１－１０－１</t>
    <phoneticPr fontId="1"/>
  </si>
  <si>
    <t>神奈川県横浜市港南区
港南３－１－２８</t>
    <phoneticPr fontId="1"/>
  </si>
  <si>
    <t>神奈川県横浜市神奈川区
三ツ沢西町１－１</t>
    <phoneticPr fontId="1"/>
  </si>
  <si>
    <t>神奈川県横浜市神奈川区
神之木町９－６</t>
    <phoneticPr fontId="1"/>
  </si>
  <si>
    <t>神奈川県横浜市旭区
矢指町１１９７－１</t>
    <phoneticPr fontId="1"/>
  </si>
  <si>
    <t>神奈川県横浜市旭区
中希望が丘１９８－２１</t>
    <phoneticPr fontId="1"/>
  </si>
  <si>
    <t>神奈川県横浜市旭区
若葉台４－２０－１</t>
    <phoneticPr fontId="1"/>
  </si>
  <si>
    <t>神奈川県横浜市磯子区
洋光台３－９－３１</t>
    <phoneticPr fontId="1"/>
  </si>
  <si>
    <t>神奈川県横浜市金沢区
谷津町３８４</t>
    <phoneticPr fontId="1"/>
  </si>
  <si>
    <t>神奈川県横浜市金沢区
六浦東１－２１－１</t>
    <phoneticPr fontId="1"/>
  </si>
  <si>
    <t>神奈川県横浜市金沢区
福浦３－９</t>
    <phoneticPr fontId="1"/>
  </si>
  <si>
    <t>神奈川県横浜市金沢区
谷津町３５番地</t>
    <phoneticPr fontId="1"/>
  </si>
  <si>
    <t>神奈川県横浜市金沢区
富岡西２－３－１</t>
    <phoneticPr fontId="1"/>
  </si>
  <si>
    <t>神奈川県横浜市港北区
日吉５－１３－４</t>
    <phoneticPr fontId="1"/>
  </si>
  <si>
    <t>神奈川県横浜市港北区
日吉本町１－２７－３９</t>
    <phoneticPr fontId="1"/>
  </si>
  <si>
    <t>神奈川県横浜市港北区
新横浜２－３－１２</t>
    <phoneticPr fontId="1"/>
  </si>
  <si>
    <t>神奈川県横浜市港北区
新横浜２－２－３</t>
    <phoneticPr fontId="1"/>
  </si>
  <si>
    <t>神奈川県横浜市港北区
小机町３２１１番地</t>
    <phoneticPr fontId="1"/>
  </si>
  <si>
    <t>神奈川県横浜市青葉区
奈良町１６７０－４４</t>
    <phoneticPr fontId="1"/>
  </si>
  <si>
    <t>神奈川県横浜市青葉区
藤が丘１－３０</t>
    <phoneticPr fontId="1"/>
  </si>
  <si>
    <t>神奈川県横浜市青葉区
たちばな台２－２－１</t>
    <phoneticPr fontId="1"/>
  </si>
  <si>
    <t>神奈川県横浜市都筑区
茅ヶ崎中央３５－１</t>
    <phoneticPr fontId="1"/>
  </si>
  <si>
    <t>神奈川県横浜市都筑区
茅ケ崎中央３６－３</t>
    <phoneticPr fontId="1"/>
  </si>
  <si>
    <t>神奈川県横浜市都筑区
茅ケ崎東４丁目７－４</t>
    <phoneticPr fontId="1"/>
  </si>
  <si>
    <t>神奈川県横浜市戸塚区
品濃町５４８－７</t>
    <phoneticPr fontId="1"/>
  </si>
  <si>
    <t>神奈川県横浜市戸塚区
原宿３－６０－２</t>
    <phoneticPr fontId="1"/>
  </si>
  <si>
    <t>神奈川県横浜市泉区
西が岡１丁目２８番地１</t>
    <phoneticPr fontId="1"/>
  </si>
  <si>
    <t>神奈川県横浜市栄区
桂町１３２番地</t>
    <phoneticPr fontId="1"/>
  </si>
  <si>
    <t>神奈川県川崎市川崎区
新川通１２－１</t>
    <phoneticPr fontId="1"/>
  </si>
  <si>
    <t>神奈川県川崎市川崎区
新川通１－１５</t>
    <phoneticPr fontId="1"/>
  </si>
  <si>
    <t>神奈川県川崎市幸区
大宮町３１番地２７</t>
    <phoneticPr fontId="1"/>
  </si>
  <si>
    <t>神奈川県川崎市幸区
新塚越２０１</t>
    <phoneticPr fontId="1"/>
  </si>
  <si>
    <t>神奈川県川崎市中原区
小杉町１－３８３</t>
    <phoneticPr fontId="1"/>
  </si>
  <si>
    <t>神奈川県川崎市中原区
井田２－２７－１</t>
    <phoneticPr fontId="1"/>
  </si>
  <si>
    <t>神奈川県川崎市中原区
新丸子東3丁目1100-14</t>
    <phoneticPr fontId="1"/>
  </si>
  <si>
    <t>神奈川県川崎市中原区
小杉町３－２４－１０</t>
    <phoneticPr fontId="1"/>
  </si>
  <si>
    <t>神奈川県川崎市中原区
木月住吉町１－１</t>
    <phoneticPr fontId="1"/>
  </si>
  <si>
    <t>神奈川県川崎市高津区
二子５－１－１</t>
    <phoneticPr fontId="1"/>
  </si>
  <si>
    <t>神奈川県川崎市高津区
梶ヶ谷１－３－１</t>
    <phoneticPr fontId="1"/>
  </si>
  <si>
    <t>神奈川県川崎市高津区
諏訪１－３－１５</t>
    <phoneticPr fontId="1"/>
  </si>
  <si>
    <t>神奈川県川崎市宮前区
菅生２－１６－１</t>
    <phoneticPr fontId="1"/>
  </si>
  <si>
    <t>神奈川県川崎市宮前区
鷺沼１－１０－３</t>
    <phoneticPr fontId="1"/>
  </si>
  <si>
    <t>神奈川県川崎市多摩区
宿河原３－１－６</t>
    <phoneticPr fontId="1"/>
  </si>
  <si>
    <t>神奈川県川崎市麻生区
古沢都古２５５</t>
    <phoneticPr fontId="1"/>
  </si>
  <si>
    <t>神奈川県川崎市麻生区
万福寺１－８－１０</t>
    <phoneticPr fontId="1"/>
  </si>
  <si>
    <t>神奈川県相模原市中央区
小山３４２９番地</t>
    <phoneticPr fontId="1"/>
  </si>
  <si>
    <t>神奈川県相模原市中央区
淵野辺３－２－８</t>
    <phoneticPr fontId="1"/>
  </si>
  <si>
    <t>神奈川県相模原市南区
若松４－１７－１８</t>
    <phoneticPr fontId="1"/>
  </si>
  <si>
    <t>神奈川県相模原市南区
豊町１６－５</t>
    <phoneticPr fontId="1"/>
  </si>
  <si>
    <t>神奈川県相模原市南区
相模大野３－１３－１５</t>
    <phoneticPr fontId="1"/>
  </si>
  <si>
    <t>神奈川県相模原市南区
相模大野６－１５－１８</t>
    <phoneticPr fontId="1"/>
  </si>
  <si>
    <t>神奈川県相模原市南区
東林間４－２－１８</t>
    <phoneticPr fontId="1"/>
  </si>
  <si>
    <t>神奈川県相模原市南区
相南４－２１－１５</t>
    <phoneticPr fontId="1"/>
  </si>
  <si>
    <t>神奈川県相模原市南区
上鶴間７－９－１</t>
    <phoneticPr fontId="1"/>
  </si>
  <si>
    <t>神奈川県相模原市南区
古淵２－１７－３</t>
    <phoneticPr fontId="1"/>
  </si>
  <si>
    <t>神奈川県横須賀市
小川町１番地２３</t>
    <phoneticPr fontId="1"/>
  </si>
  <si>
    <t>神奈川県横須賀市
長坂１－３－２</t>
    <phoneticPr fontId="1"/>
  </si>
  <si>
    <t>神奈川県横須賀市
米が浜通１－１６</t>
    <phoneticPr fontId="1"/>
  </si>
  <si>
    <t>神奈川県横須賀市
追浜町３－１</t>
    <phoneticPr fontId="1"/>
  </si>
  <si>
    <t>神奈川県鎌倉市
大船３－１－３</t>
    <phoneticPr fontId="1"/>
  </si>
  <si>
    <t>神奈川県鎌倉市
岡本１３７０番１</t>
    <phoneticPr fontId="1"/>
  </si>
  <si>
    <t>神奈川県藤沢市
藤沢２－６－１</t>
    <phoneticPr fontId="1"/>
  </si>
  <si>
    <t>神奈川県藤沢市
辻堂新町３－７－２０</t>
    <phoneticPr fontId="1"/>
  </si>
  <si>
    <t>神奈川県茅ヶ崎市
本村５丁目１５番１号</t>
    <phoneticPr fontId="1"/>
  </si>
  <si>
    <t>神奈川県茅ヶ崎市
幸町５－８－２Ｆ</t>
    <phoneticPr fontId="1"/>
  </si>
  <si>
    <t>神奈川県茅ヶ崎市
幸町６－１</t>
    <phoneticPr fontId="1"/>
  </si>
  <si>
    <t>神奈川県高座郡寒川町
岡田１１７０－１</t>
    <phoneticPr fontId="1"/>
  </si>
  <si>
    <t>神奈川県平塚市
東真土４－５－２６</t>
    <phoneticPr fontId="1"/>
  </si>
  <si>
    <t>神奈川県秦野市
本町２－５－６</t>
    <phoneticPr fontId="1"/>
  </si>
  <si>
    <t>神奈川県秦野市
立野台１－１</t>
    <phoneticPr fontId="1"/>
  </si>
  <si>
    <t>神奈川県秦野市
尾尻９４３－１０</t>
    <phoneticPr fontId="1"/>
  </si>
  <si>
    <t>神奈川県伊勢原市
下糟屋１４３</t>
    <phoneticPr fontId="1"/>
  </si>
  <si>
    <t>神奈川県伊勢原市
東大竹１１０８－５</t>
    <phoneticPr fontId="1"/>
  </si>
  <si>
    <t>神奈川県伊勢原市
田中３４５</t>
    <phoneticPr fontId="1"/>
  </si>
  <si>
    <t>神奈川県厚木市
水引１－１６－３６</t>
    <phoneticPr fontId="1"/>
  </si>
  <si>
    <t>神奈川県大和市
下和田１３３１番２号</t>
    <phoneticPr fontId="1"/>
  </si>
  <si>
    <t>神奈川県大和市
中央林間４－１６－２０</t>
    <phoneticPr fontId="1"/>
  </si>
  <si>
    <t>神奈川県大和市
深見西８－３－６</t>
    <phoneticPr fontId="1"/>
  </si>
  <si>
    <t>神奈川県海老名市
河原口１－１－１４</t>
    <phoneticPr fontId="1"/>
  </si>
  <si>
    <t>神奈川県海老名市
河原口１３２０</t>
    <phoneticPr fontId="1"/>
  </si>
  <si>
    <t>神奈川県海老名市
扇町１５－１</t>
    <phoneticPr fontId="1"/>
  </si>
  <si>
    <t>神奈川県座間市
相武台１－３５－１０</t>
    <phoneticPr fontId="1"/>
  </si>
  <si>
    <t>神奈川県綾瀬市
深谷中１－８－２０</t>
    <phoneticPr fontId="1"/>
  </si>
  <si>
    <t>神奈川県小田原市
栢山２８２３</t>
    <phoneticPr fontId="1"/>
  </si>
  <si>
    <t>神奈川県小田原市
久野４６番地</t>
    <phoneticPr fontId="1"/>
  </si>
  <si>
    <t>神奈川県小田原市
矢作２９６－１</t>
    <phoneticPr fontId="1"/>
  </si>
  <si>
    <t>神奈川県小田原市
本町１－１－１７</t>
    <phoneticPr fontId="1"/>
  </si>
  <si>
    <t>医療法人社団翠洋会
長谷川医院</t>
    <phoneticPr fontId="1"/>
  </si>
  <si>
    <t>一般財団法人神奈川県警友会 けいゆう病院</t>
    <phoneticPr fontId="1"/>
  </si>
  <si>
    <t>医療法人社団善仁会
横浜第一病院</t>
    <phoneticPr fontId="1"/>
  </si>
  <si>
    <t>医療法人社団松和会 
望星関内クリニック</t>
    <phoneticPr fontId="1"/>
  </si>
  <si>
    <t>医療法人社団厚済会 
上大岡仁正クリニック</t>
    <phoneticPr fontId="1"/>
  </si>
  <si>
    <t>医療法人社団厚済会 
横浜じんせい病院</t>
    <phoneticPr fontId="1"/>
  </si>
  <si>
    <t>医療法人明芳会 
横浜旭中央総合病院</t>
    <phoneticPr fontId="1"/>
  </si>
  <si>
    <t>医療法人社団朋進会 
洋光台セントラルクリニック</t>
    <phoneticPr fontId="1"/>
  </si>
  <si>
    <t>医療法人社団厚済会
文庫じんクリニック</t>
    <phoneticPr fontId="1"/>
  </si>
  <si>
    <t>医療法人社団平郁会
日吉斎藤クリニック</t>
    <phoneticPr fontId="1"/>
  </si>
  <si>
    <t>医療法人社団前田記念会
前田記念新横浜クリニック</t>
    <phoneticPr fontId="1"/>
  </si>
  <si>
    <t>（独）労働者健康安全機構
横浜労災病院</t>
    <phoneticPr fontId="1"/>
  </si>
  <si>
    <t>医療法人社団一成会
たちばな台病院</t>
    <phoneticPr fontId="1"/>
  </si>
  <si>
    <t>医療法人社団聡和会 
越川記念よこはま腎クリニック</t>
    <phoneticPr fontId="1"/>
  </si>
  <si>
    <t>医療法人社団三井会 
横浜つづき腎クリニック</t>
    <phoneticPr fontId="1"/>
  </si>
  <si>
    <t>医療法人財団明理会
東戸塚記念病院</t>
    <phoneticPr fontId="1"/>
  </si>
  <si>
    <t>（独）国立病院機構横浜医療センター</t>
    <phoneticPr fontId="1"/>
  </si>
  <si>
    <t>医療法人明徳会 
総合新川橋病院</t>
    <phoneticPr fontId="1"/>
  </si>
  <si>
    <t>社会医療法人財団石心会 
川崎幸病院</t>
    <phoneticPr fontId="1"/>
  </si>
  <si>
    <t>社会医療法人財団石心会 
さいわい鹿島田クリニック</t>
    <phoneticPr fontId="1"/>
  </si>
  <si>
    <t>（独）労働者健康安全機構関東労災病院</t>
    <phoneticPr fontId="1"/>
  </si>
  <si>
    <t>医療法人社団育心会 
二子新地ひかりこどもクリニック</t>
    <phoneticPr fontId="1"/>
  </si>
  <si>
    <t>医療法人社団三成会 
新百合ヶ丘総合病院</t>
    <phoneticPr fontId="1"/>
  </si>
  <si>
    <t>医療法人あさお会 
あさおクリニック</t>
    <phoneticPr fontId="1"/>
  </si>
  <si>
    <t>医療法人社団相和会 
渕野辺総合病院</t>
    <phoneticPr fontId="1"/>
  </si>
  <si>
    <t>医療法人社団 
油井クリニック</t>
    <phoneticPr fontId="1"/>
  </si>
  <si>
    <t>医療法人貢壽会
相模大野内科・腎クリニック</t>
    <phoneticPr fontId="1"/>
  </si>
  <si>
    <t>医療法人社団蒼紫会 
森下記念病院</t>
    <phoneticPr fontId="1"/>
  </si>
  <si>
    <t>医療法人社団光生会
さがみ循環器クリニック</t>
    <phoneticPr fontId="1"/>
  </si>
  <si>
    <t>医療法人ユーカリ
さがみ林間病院</t>
    <phoneticPr fontId="1"/>
  </si>
  <si>
    <t>医療法人社団聡生会
阪クリニック</t>
    <phoneticPr fontId="1"/>
  </si>
  <si>
    <t>医療法人社団厚済会
追浜仁正クリニック</t>
    <phoneticPr fontId="1"/>
  </si>
  <si>
    <t>医療法人徳洲会 
湘南鎌倉総合病院</t>
    <phoneticPr fontId="1"/>
  </si>
  <si>
    <t>医療法人明日美会 
藤沢まえだ内科</t>
    <phoneticPr fontId="1"/>
  </si>
  <si>
    <t>医療法人社団松和会 
望星藤沢クリニック</t>
    <phoneticPr fontId="1"/>
  </si>
  <si>
    <t>医療法人社団茅ヶ崎セントラルクリニック</t>
    <phoneticPr fontId="1"/>
  </si>
  <si>
    <t>医療法人財団倉田会 
くらた病院</t>
    <phoneticPr fontId="1"/>
  </si>
  <si>
    <t>医療法人社団観世会 
腎健クリニック</t>
    <phoneticPr fontId="1"/>
  </si>
  <si>
    <t>医療法人社団恵優会 
相武台ニーレンクリニック</t>
    <phoneticPr fontId="1"/>
  </si>
  <si>
    <t>社会医療法人社団三思会 
とうめい綾瀬腎クリニック</t>
    <phoneticPr fontId="1"/>
  </si>
  <si>
    <t>医療法人邦友会 
小田原循環器病院</t>
    <phoneticPr fontId="1"/>
  </si>
  <si>
    <t>医療法人同愛会 小澤病院</t>
    <phoneticPr fontId="1"/>
  </si>
  <si>
    <t>神奈川県相模原市南区
北里１－１５－１</t>
    <phoneticPr fontId="1"/>
  </si>
  <si>
    <t>神奈川県藤沢市
亀井野１－３－１２　
２階</t>
    <phoneticPr fontId="1"/>
  </si>
  <si>
    <t>045-830-5511</t>
    <phoneticPr fontId="1"/>
  </si>
  <si>
    <t>234-0054</t>
    <phoneticPr fontId="1"/>
  </si>
  <si>
    <t>神奈川県横浜市港南区
港南台３－３－１</t>
    <phoneticPr fontId="1"/>
  </si>
  <si>
    <t>医療法人社団朋進会
横浜南クリニック</t>
    <rPh sb="10" eb="12">
      <t>ヨコハマ</t>
    </rPh>
    <rPh sb="12" eb="13">
      <t>ミナミ</t>
    </rPh>
    <phoneticPr fontId="1"/>
  </si>
  <si>
    <t>045-834-2224</t>
    <phoneticPr fontId="1"/>
  </si>
  <si>
    <t>214-8525</t>
    <phoneticPr fontId="1"/>
  </si>
  <si>
    <t>神奈川県川崎市多摩区
宿河原１－３０－３７</t>
    <phoneticPr fontId="1"/>
  </si>
  <si>
    <t>川崎市立多摩病院</t>
    <rPh sb="0" eb="3">
      <t>カワサキシ</t>
    </rPh>
    <rPh sb="3" eb="4">
      <t>リツ</t>
    </rPh>
    <rPh sb="4" eb="6">
      <t>タマ</t>
    </rPh>
    <rPh sb="6" eb="8">
      <t>ビョウイン</t>
    </rPh>
    <phoneticPr fontId="1"/>
  </si>
  <si>
    <t>可能</t>
    <rPh sb="0" eb="2">
      <t>カノウ</t>
    </rPh>
    <phoneticPr fontId="1"/>
  </si>
  <si>
    <t>行っている</t>
    <rPh sb="0" eb="1">
      <t>オコナ</t>
    </rPh>
    <phoneticPr fontId="1"/>
  </si>
  <si>
    <t>不可能</t>
    <rPh sb="0" eb="3">
      <t>フカノウ</t>
    </rPh>
    <phoneticPr fontId="1"/>
  </si>
  <si>
    <t>腎臓病病態
栄養専門管理栄養士
（一般社団法人　日本病態栄養学会と公益社団法人　日本栄養士会の共同認定資格）</t>
    <rPh sb="0" eb="3">
      <t>ジンゾウビョウ</t>
    </rPh>
    <rPh sb="3" eb="5">
      <t>ビョウタイ</t>
    </rPh>
    <rPh sb="6" eb="8">
      <t>エイヨウ</t>
    </rPh>
    <rPh sb="8" eb="10">
      <t>センモン</t>
    </rPh>
    <rPh sb="10" eb="12">
      <t>カンリ</t>
    </rPh>
    <rPh sb="12" eb="15">
      <t>エイヨウシ</t>
    </rPh>
    <rPh sb="17" eb="19">
      <t>イッパン</t>
    </rPh>
    <rPh sb="19" eb="21">
      <t>シャダン</t>
    </rPh>
    <rPh sb="21" eb="23">
      <t>ホウジン</t>
    </rPh>
    <rPh sb="24" eb="26">
      <t>ニホン</t>
    </rPh>
    <rPh sb="26" eb="28">
      <t>ビョウタイ</t>
    </rPh>
    <rPh sb="28" eb="30">
      <t>エイヨウ</t>
    </rPh>
    <rPh sb="30" eb="32">
      <t>ガッカイ</t>
    </rPh>
    <rPh sb="33" eb="35">
      <t>コウエキ</t>
    </rPh>
    <rPh sb="35" eb="37">
      <t>シャダン</t>
    </rPh>
    <rPh sb="37" eb="39">
      <t>ホウジン</t>
    </rPh>
    <rPh sb="40" eb="42">
      <t>ニホン</t>
    </rPh>
    <rPh sb="42" eb="45">
      <t>エイヨウシ</t>
    </rPh>
    <rPh sb="45" eb="46">
      <t>カイ</t>
    </rPh>
    <rPh sb="47" eb="51">
      <t>キョウドウニンテイ</t>
    </rPh>
    <rPh sb="51" eb="53">
      <t>シカク</t>
    </rPh>
    <phoneticPr fontId="1"/>
  </si>
  <si>
    <t>慢性腎臓病
療養指導看護師
（日本腎不全看護学会の認定資格）</t>
    <rPh sb="0" eb="2">
      <t>マンセイ</t>
    </rPh>
    <rPh sb="2" eb="5">
      <t>ジンゾウビョウ</t>
    </rPh>
    <rPh sb="6" eb="8">
      <t>リョウヨウ</t>
    </rPh>
    <rPh sb="8" eb="10">
      <t>シドウ</t>
    </rPh>
    <rPh sb="10" eb="13">
      <t>カンゴシ</t>
    </rPh>
    <rPh sb="15" eb="17">
      <t>ニホン</t>
    </rPh>
    <rPh sb="17" eb="20">
      <t>ジンフゼン</t>
    </rPh>
    <rPh sb="20" eb="22">
      <t>カンゴ</t>
    </rPh>
    <rPh sb="22" eb="24">
      <t>ガッカイ</t>
    </rPh>
    <rPh sb="25" eb="27">
      <t>ニンテイ</t>
    </rPh>
    <rPh sb="27" eb="29">
      <t>シカク</t>
    </rPh>
    <phoneticPr fontId="1"/>
  </si>
  <si>
    <t>いない</t>
    <phoneticPr fontId="1"/>
  </si>
  <si>
    <t>いる</t>
    <phoneticPr fontId="1"/>
  </si>
  <si>
    <t>日下　敬太
毛利　公美</t>
    <rPh sb="0" eb="1">
      <t>ヒ</t>
    </rPh>
    <rPh sb="1" eb="2">
      <t>シタ</t>
    </rPh>
    <rPh sb="3" eb="5">
      <t>ケイタ</t>
    </rPh>
    <phoneticPr fontId="1"/>
  </si>
  <si>
    <t>046-298-2552</t>
    <phoneticPr fontId="1"/>
  </si>
  <si>
    <t>三橋　洋
湯藤　潤</t>
    <rPh sb="0" eb="2">
      <t>ミツハシ</t>
    </rPh>
    <rPh sb="3" eb="4">
      <t>ヒロシ</t>
    </rPh>
    <phoneticPr fontId="1"/>
  </si>
  <si>
    <t>小田　壽
勝又　真理
山田　裕貴子
栗田　智子
諸宇　旭純</t>
    <phoneticPr fontId="1"/>
  </si>
  <si>
    <t>230-0061</t>
    <phoneticPr fontId="1"/>
  </si>
  <si>
    <t>神奈川県横浜市鶴見区佃野町２９－３</t>
    <phoneticPr fontId="1"/>
  </si>
  <si>
    <t>徳田病院</t>
    <rPh sb="0" eb="2">
      <t>トクダ</t>
    </rPh>
    <rPh sb="2" eb="4">
      <t>ビョウイン</t>
    </rPh>
    <phoneticPr fontId="1"/>
  </si>
  <si>
    <t>井上　貴博</t>
    <rPh sb="0" eb="2">
      <t>イノウエ</t>
    </rPh>
    <rPh sb="3" eb="5">
      <t>タカヒロ</t>
    </rPh>
    <phoneticPr fontId="1"/>
  </si>
  <si>
    <t>可能</t>
    <rPh sb="0" eb="2">
      <t>カノウ</t>
    </rPh>
    <phoneticPr fontId="1"/>
  </si>
  <si>
    <t>不可能</t>
    <rPh sb="0" eb="3">
      <t>フカノウ</t>
    </rPh>
    <phoneticPr fontId="1"/>
  </si>
  <si>
    <t>0466-25-3111</t>
    <phoneticPr fontId="1"/>
  </si>
  <si>
    <t>荒川　裕輔
新井　桃子</t>
    <rPh sb="6" eb="8">
      <t>アライ</t>
    </rPh>
    <rPh sb="9" eb="11">
      <t>モモコ</t>
    </rPh>
    <phoneticPr fontId="1"/>
  </si>
  <si>
    <t>044-711-5181</t>
    <phoneticPr fontId="1"/>
  </si>
  <si>
    <t>行っている（クリニカルパスや教育プログラムに基づく教育入院は行っていない）</t>
    <rPh sb="0" eb="1">
      <t>オコナ</t>
    </rPh>
    <rPh sb="14" eb="16">
      <t>キョウイク</t>
    </rPh>
    <rPh sb="22" eb="23">
      <t>モト</t>
    </rPh>
    <rPh sb="25" eb="27">
      <t>キョウイク</t>
    </rPh>
    <rPh sb="27" eb="29">
      <t>ニュウイン</t>
    </rPh>
    <rPh sb="30" eb="31">
      <t>オコナ</t>
    </rPh>
    <phoneticPr fontId="1"/>
  </si>
  <si>
    <t>横地　章生
矢尾　淳
榊原　悠也</t>
    <rPh sb="11" eb="13">
      <t>サカキバラ</t>
    </rPh>
    <rPh sb="14" eb="15">
      <t>ユウ</t>
    </rPh>
    <rPh sb="15" eb="16">
      <t>ナリ</t>
    </rPh>
    <phoneticPr fontId="1"/>
  </si>
  <si>
    <t>210-0024</t>
    <phoneticPr fontId="1"/>
  </si>
  <si>
    <t>神奈川県川崎市川崎区日進町７－１</t>
    <phoneticPr fontId="1"/>
  </si>
  <si>
    <t>社会医療法人財団石心会川崎クリニック</t>
  </si>
  <si>
    <t>不可能（系列の川崎幸病院にて施行可）</t>
    <rPh sb="0" eb="3">
      <t>フカノウ</t>
    </rPh>
    <phoneticPr fontId="1"/>
  </si>
  <si>
    <t>可能（療法選択外来あり）</t>
    <rPh sb="3" eb="5">
      <t>リョウホウ</t>
    </rPh>
    <rPh sb="5" eb="7">
      <t>センタク</t>
    </rPh>
    <rPh sb="7" eb="9">
      <t>ガイライ</t>
    </rPh>
    <phoneticPr fontId="1"/>
  </si>
  <si>
    <t>行っていない</t>
    <rPh sb="0" eb="1">
      <t>オコナ</t>
    </rPh>
    <phoneticPr fontId="1"/>
  </si>
  <si>
    <t>044-544-4611</t>
    <phoneticPr fontId="1"/>
  </si>
  <si>
    <t>鎌田　貢壽</t>
    <phoneticPr fontId="1"/>
  </si>
  <si>
    <t>042-705-5575</t>
    <phoneticPr fontId="1"/>
  </si>
  <si>
    <t>可能（シャントPTAのみ）</t>
    <rPh sb="0" eb="2">
      <t>カノウ</t>
    </rPh>
    <phoneticPr fontId="1"/>
  </si>
  <si>
    <t>竹内　康雄
守屋　利佳
青山　東五
内藤　正吉
和田　幸寛
鎌田　真理子</t>
    <phoneticPr fontId="1"/>
  </si>
  <si>
    <t>不可能(横浜市立大学附属市民総合医療センター病院と連携して紹介)</t>
    <rPh sb="0" eb="1">
      <t>フ</t>
    </rPh>
    <rPh sb="1" eb="3">
      <t>カノウ</t>
    </rPh>
    <rPh sb="29" eb="31">
      <t>ショウカイ</t>
    </rPh>
    <phoneticPr fontId="1"/>
  </si>
  <si>
    <t>吉田　典世
山室　めぐみ</t>
    <phoneticPr fontId="1"/>
  </si>
  <si>
    <t>藤澤　一
髙橋　郁太
田邉　まどか</t>
    <rPh sb="11" eb="13">
      <t>タナベ</t>
    </rPh>
    <phoneticPr fontId="1"/>
  </si>
  <si>
    <t>副田　圭祐</t>
    <rPh sb="0" eb="2">
      <t>ソエダ</t>
    </rPh>
    <rPh sb="3" eb="5">
      <t>ケイスケ</t>
    </rPh>
    <phoneticPr fontId="1"/>
  </si>
  <si>
    <t>高橋　裕一郎
高橋　浩雄
磯崎　雄大</t>
    <rPh sb="13" eb="15">
      <t>イソザキ</t>
    </rPh>
    <rPh sb="16" eb="18">
      <t>ユウダイ</t>
    </rPh>
    <phoneticPr fontId="1"/>
  </si>
  <si>
    <t>-</t>
    <phoneticPr fontId="1"/>
  </si>
  <si>
    <t>0463-81-3721</t>
    <phoneticPr fontId="1"/>
  </si>
  <si>
    <t>0463-94-2111</t>
    <phoneticPr fontId="1"/>
  </si>
  <si>
    <t>243-8571</t>
    <phoneticPr fontId="1"/>
  </si>
  <si>
    <t>神奈川県厚木市
船子２３２</t>
    <rPh sb="8" eb="10">
      <t>フナコ</t>
    </rPh>
    <phoneticPr fontId="1"/>
  </si>
  <si>
    <t>社会医療法人社団三思会 
東名厚木病院</t>
    <rPh sb="13" eb="15">
      <t>トウメイ</t>
    </rPh>
    <rPh sb="15" eb="17">
      <t>アツギ</t>
    </rPh>
    <rPh sb="17" eb="19">
      <t>ビョウイン</t>
    </rPh>
    <phoneticPr fontId="1"/>
  </si>
  <si>
    <t>大山　聡子
冨田　公夫</t>
    <phoneticPr fontId="1"/>
  </si>
  <si>
    <t>可能</t>
    <rPh sb="0" eb="2">
      <t>カノウ</t>
    </rPh>
    <phoneticPr fontId="1"/>
  </si>
  <si>
    <t>不可能</t>
    <rPh sb="0" eb="3">
      <t>フカノウ</t>
    </rPh>
    <phoneticPr fontId="1"/>
  </si>
  <si>
    <t>行っている</t>
    <rPh sb="0" eb="1">
      <t>オコナ</t>
    </rPh>
    <phoneticPr fontId="1"/>
  </si>
  <si>
    <t>いない</t>
    <phoneticPr fontId="1"/>
  </si>
  <si>
    <t>参加している
地域医療介護連携ネットワーク</t>
    <rPh sb="0" eb="2">
      <t>サンカ</t>
    </rPh>
    <rPh sb="7" eb="9">
      <t>チイキ</t>
    </rPh>
    <rPh sb="9" eb="11">
      <t>イリョウ</t>
    </rPh>
    <rPh sb="11" eb="13">
      <t>カイゴ</t>
    </rPh>
    <rPh sb="13" eb="15">
      <t>レンケイ</t>
    </rPh>
    <phoneticPr fontId="1"/>
  </si>
  <si>
    <t>なし</t>
    <phoneticPr fontId="1"/>
  </si>
  <si>
    <t>小向　大輔
塩入　瑛梨子
柏葉　裕
大城　賢太郎
小松　弘明</t>
    <rPh sb="0" eb="2">
      <t>コムカイ</t>
    </rPh>
    <rPh sb="3" eb="5">
      <t>ダイスケ</t>
    </rPh>
    <rPh sb="6" eb="8">
      <t>シオイリ</t>
    </rPh>
    <rPh sb="9" eb="10">
      <t>エイ</t>
    </rPh>
    <rPh sb="10" eb="12">
      <t>リコ</t>
    </rPh>
    <rPh sb="13" eb="15">
      <t>カシワバ</t>
    </rPh>
    <rPh sb="16" eb="17">
      <t>ユウ</t>
    </rPh>
    <rPh sb="18" eb="20">
      <t>オオシロ</t>
    </rPh>
    <rPh sb="21" eb="24">
      <t>ケンタロウ</t>
    </rPh>
    <rPh sb="25" eb="27">
      <t>コマツ</t>
    </rPh>
    <rPh sb="28" eb="30">
      <t>ヒロアキ</t>
    </rPh>
    <phoneticPr fontId="1"/>
  </si>
  <si>
    <t>金井　大輔</t>
    <phoneticPr fontId="1"/>
  </si>
  <si>
    <t>金井 厳太</t>
    <phoneticPr fontId="1"/>
  </si>
  <si>
    <t>0463-85-3201</t>
    <phoneticPr fontId="1"/>
  </si>
  <si>
    <t>可能（外来のみ、車椅子対応・広域送迎可）</t>
    <rPh sb="0" eb="2">
      <t>カノウ</t>
    </rPh>
    <phoneticPr fontId="1"/>
  </si>
  <si>
    <t>可能（管理栄養士、社会福祉士あり）</t>
    <rPh sb="0" eb="2">
      <t>カノウ</t>
    </rPh>
    <phoneticPr fontId="1"/>
  </si>
  <si>
    <t>医療法人社団新都市医療研究会「君津」会　南大和病院</t>
    <phoneticPr fontId="1"/>
  </si>
  <si>
    <t>昭和医科大学横浜市北部病院</t>
    <rPh sb="2" eb="4">
      <t>イカ</t>
    </rPh>
    <phoneticPr fontId="1"/>
  </si>
  <si>
    <t>緒方　浩顕
伊藤　英利
山本　真寛
加藤　雅典
齋藤　佳範
菅原　浩仁
吉田　輝龍</t>
    <phoneticPr fontId="1"/>
  </si>
  <si>
    <t>吉田　伸一郎
中森　悠
藤本　裕俊</t>
    <rPh sb="0" eb="2">
      <t>ヨシダ</t>
    </rPh>
    <rPh sb="12" eb="14">
      <t>フジモト</t>
    </rPh>
    <rPh sb="15" eb="16">
      <t>ユウ</t>
    </rPh>
    <rPh sb="16" eb="17">
      <t>シュン</t>
    </rPh>
    <phoneticPr fontId="1"/>
  </si>
  <si>
    <t>サルビアねっと</t>
    <phoneticPr fontId="1"/>
  </si>
  <si>
    <t>宮城　盛淳
鯉渕　清人
中田　憲司</t>
    <rPh sb="0" eb="2">
      <t>ミヤギ</t>
    </rPh>
    <rPh sb="3" eb="4">
      <t>モリ</t>
    </rPh>
    <rPh sb="4" eb="5">
      <t>ジュン</t>
    </rPh>
    <rPh sb="6" eb="8">
      <t>コイブチ</t>
    </rPh>
    <rPh sb="9" eb="11">
      <t>キヨヒト</t>
    </rPh>
    <rPh sb="12" eb="14">
      <t>ナカダ</t>
    </rPh>
    <rPh sb="15" eb="17">
      <t>ケンジ</t>
    </rPh>
    <phoneticPr fontId="1"/>
  </si>
  <si>
    <t>可能（血管外科にて診療）</t>
    <phoneticPr fontId="1"/>
  </si>
  <si>
    <t>不可能（連携施設へご紹介可能）</t>
    <rPh sb="0" eb="3">
      <t>フカノウ</t>
    </rPh>
    <phoneticPr fontId="1"/>
  </si>
  <si>
    <t>山田　琢
山田　有紀子</t>
    <phoneticPr fontId="1"/>
  </si>
  <si>
    <t>さくらネット</t>
    <phoneticPr fontId="1"/>
  </si>
  <si>
    <t>田中　啓之
安藝　昇太
平澤　卓
佐々木　幹人</t>
    <rPh sb="17" eb="20">
      <t>ササキ</t>
    </rPh>
    <rPh sb="21" eb="23">
      <t>ミキト</t>
    </rPh>
    <phoneticPr fontId="1"/>
  </si>
  <si>
    <t>046-822-2710</t>
    <phoneticPr fontId="1"/>
  </si>
  <si>
    <t>不可能（移植可能施設との連携あり）</t>
    <rPh sb="0" eb="3">
      <t>フカノウ</t>
    </rPh>
    <rPh sb="4" eb="6">
      <t>イショク</t>
    </rPh>
    <rPh sb="6" eb="8">
      <t>カノウ</t>
    </rPh>
    <rPh sb="8" eb="10">
      <t>シセツ</t>
    </rPh>
    <rPh sb="12" eb="14">
      <t>レンケイ</t>
    </rPh>
    <phoneticPr fontId="1"/>
  </si>
  <si>
    <t>吉村　吾志夫
田山　宏典
宮本　雅仁
鶴岡　佳代
末木　志奈
加藤　秀樹
石井　健夫</t>
    <phoneticPr fontId="1"/>
  </si>
  <si>
    <t>冨永　直人
角　浩史
藤田　陽子</t>
    <rPh sb="0" eb="2">
      <t>トミナガ</t>
    </rPh>
    <rPh sb="3" eb="5">
      <t>ナオト</t>
    </rPh>
    <rPh sb="6" eb="7">
      <t>カド</t>
    </rPh>
    <rPh sb="8" eb="10">
      <t>ヒロシ</t>
    </rPh>
    <rPh sb="11" eb="13">
      <t>フジタ</t>
    </rPh>
    <rPh sb="14" eb="16">
      <t>ヨウコ</t>
    </rPh>
    <phoneticPr fontId="1"/>
  </si>
  <si>
    <t>鈴木　信之</t>
    <rPh sb="0" eb="2">
      <t>スズキ</t>
    </rPh>
    <rPh sb="3" eb="5">
      <t>ノブユキ</t>
    </rPh>
    <phoneticPr fontId="1"/>
  </si>
  <si>
    <t>その他</t>
    <rPh sb="2" eb="3">
      <t>タ</t>
    </rPh>
    <phoneticPr fontId="1"/>
  </si>
  <si>
    <t>寺田　典生</t>
    <phoneticPr fontId="1"/>
  </si>
  <si>
    <t>國保　敏晴
山内　淳司</t>
    <rPh sb="0" eb="1">
      <t>コク</t>
    </rPh>
    <rPh sb="1" eb="2">
      <t>タモツ</t>
    </rPh>
    <rPh sb="3" eb="5">
      <t>トシハル</t>
    </rPh>
    <rPh sb="6" eb="8">
      <t>ヤマウチ</t>
    </rPh>
    <rPh sb="9" eb="11">
      <t>ジュンジ</t>
    </rPh>
    <phoneticPr fontId="1"/>
  </si>
  <si>
    <t>可能(臨時のみ)</t>
    <rPh sb="0" eb="2">
      <t>カノウ</t>
    </rPh>
    <rPh sb="3" eb="5">
      <t>リンジ</t>
    </rPh>
    <phoneticPr fontId="1"/>
  </si>
  <si>
    <t>横須賀市立総合医療センター</t>
    <phoneticPr fontId="1"/>
  </si>
  <si>
    <t>神奈川県横須賀市
神明町１－８</t>
    <rPh sb="9" eb="10">
      <t>カミ</t>
    </rPh>
    <rPh sb="10" eb="11">
      <t>メイ</t>
    </rPh>
    <rPh sb="11" eb="12">
      <t>チョウ</t>
    </rPh>
    <phoneticPr fontId="1"/>
  </si>
  <si>
    <t>239-8567</t>
    <phoneticPr fontId="1"/>
  </si>
  <si>
    <t>志村　岳
山藤　陽子
岩野　剛久</t>
    <phoneticPr fontId="1"/>
  </si>
  <si>
    <t>0570-032630</t>
    <phoneticPr fontId="1"/>
  </si>
  <si>
    <t>正木クリニック相模大野</t>
    <phoneticPr fontId="1"/>
  </si>
  <si>
    <t>春原 須美玲
内山 友輔</t>
    <phoneticPr fontId="1"/>
  </si>
  <si>
    <t>篠崎　倫哉
松井　勝臣
濱野　直人
稲永　亮平
村木　直弘</t>
    <phoneticPr fontId="1"/>
  </si>
  <si>
    <t>046-260-0111</t>
    <phoneticPr fontId="1"/>
  </si>
  <si>
    <t>0463-83-7788</t>
    <phoneticPr fontId="1"/>
  </si>
  <si>
    <t>小岩　文彦
溝渕　正英
井上　嘉彦
佐藤　芳憲
西脇　宏樹
大西　信哉
及川　愛
布山　正貴</t>
    <phoneticPr fontId="1"/>
  </si>
  <si>
    <t>今井　直彦
白井　小百合
町田　慎治
牧野内　龍一郎
喜多　洋平
小山　哲平</t>
    <phoneticPr fontId="1"/>
  </si>
  <si>
    <t>聖マリアンナ医科大学病院</t>
    <phoneticPr fontId="1"/>
  </si>
  <si>
    <t>柴垣　有吾
櫻田　勉
市川　大介
四ノ宮（小波津）香織
田邉　淳
高木（韓）蔚
緒方　聖友
丑丸　秀
野田　竜之介
池森　敦子（解剖学主任教授）
山本　三佳子（臨床検査医学・遺伝解析学助教）</t>
    <phoneticPr fontId="1"/>
  </si>
  <si>
    <t>044-977-8111</t>
    <phoneticPr fontId="1"/>
  </si>
  <si>
    <t>宍戸　寛治
若狭　幹雄
宇田　晋
伊藤　賀恵
熊田　千晶</t>
    <phoneticPr fontId="1"/>
  </si>
  <si>
    <t>239-0831</t>
  </si>
  <si>
    <t>神奈川県横須賀市
久里浜５－１２－２１</t>
    <phoneticPr fontId="1"/>
  </si>
  <si>
    <t>吉澤　雄介</t>
  </si>
  <si>
    <t>神奈川県横浜市中区
長者町８丁目１２５
PLATS関内長者町４階・５階</t>
    <rPh sb="10" eb="13">
      <t>チョウジャマチ</t>
    </rPh>
    <rPh sb="14" eb="16">
      <t>チョウメ</t>
    </rPh>
    <rPh sb="25" eb="27">
      <t>カンナイ</t>
    </rPh>
    <rPh sb="27" eb="30">
      <t>チョウジャマチ</t>
    </rPh>
    <rPh sb="31" eb="32">
      <t>カイ</t>
    </rPh>
    <rPh sb="34" eb="35">
      <t>カイ</t>
    </rPh>
    <phoneticPr fontId="1"/>
  </si>
  <si>
    <t>小林　修三
日高　寿美
大竹　剛靖
岡　真知子
石岡　邦啓
持田　泰寛
山野　水紀
真栄里　恭子
塚本　雄介
塚原　知樹</t>
    <rPh sb="3" eb="5">
      <t>シュウゾウ</t>
    </rPh>
    <rPh sb="49" eb="51">
      <t>ツカモト</t>
    </rPh>
    <rPh sb="52" eb="54">
      <t>ユウスケ</t>
    </rPh>
    <phoneticPr fontId="1"/>
  </si>
  <si>
    <t>秦野赤十字病院</t>
    <phoneticPr fontId="1"/>
  </si>
  <si>
    <t>瀧沢　利一</t>
    <phoneticPr fontId="1"/>
  </si>
  <si>
    <t>田村　功一
涌井　広道
小林　雄祐
金岡　知彦
小豆島　健護
小林　竜
塚本　俊一郎
田口　慎也
外澤　真李
植田　瑛子
伊藤　秀一</t>
    <phoneticPr fontId="1"/>
  </si>
  <si>
    <t>国見　基瑩</t>
    <phoneticPr fontId="1"/>
  </si>
  <si>
    <t>朝倉　裕士
甲斐　恵子
山崎　あい
松浦　弓恵</t>
    <phoneticPr fontId="1"/>
  </si>
  <si>
    <t>可能（慢性腎臓病を基本対象に診療可能）</t>
    <rPh sb="0" eb="2">
      <t>カノウ</t>
    </rPh>
    <phoneticPr fontId="1"/>
  </si>
  <si>
    <t>岩本　彩雄
坂　早苗
小澤　萌枝</t>
    <rPh sb="0" eb="2">
      <t>イワモト</t>
    </rPh>
    <rPh sb="3" eb="4">
      <t>アヤ</t>
    </rPh>
    <rPh sb="4" eb="5">
      <t>ユウ</t>
    </rPh>
    <rPh sb="6" eb="7">
      <t>サカ</t>
    </rPh>
    <rPh sb="8" eb="10">
      <t>サナエ</t>
    </rPh>
    <rPh sb="11" eb="13">
      <t>オザワ</t>
    </rPh>
    <rPh sb="14" eb="15">
      <t>ハジメ</t>
    </rPh>
    <rPh sb="15" eb="16">
      <t>エ</t>
    </rPh>
    <phoneticPr fontId="1"/>
  </si>
  <si>
    <t>小此木　英男
加藤　順一郎
中田　泰之
増田　直仁</t>
    <phoneticPr fontId="1"/>
  </si>
  <si>
    <t>茅ヶ崎市立病院</t>
    <phoneticPr fontId="1"/>
  </si>
  <si>
    <t>平和　伸仁
金口　翔
河野　梨奈
大上　尚仁
内村　暢
灘　大志
神垣　佑</t>
    <rPh sb="0" eb="2">
      <t>ヘイワ</t>
    </rPh>
    <rPh sb="3" eb="4">
      <t>シン</t>
    </rPh>
    <rPh sb="4" eb="5">
      <t>ジン</t>
    </rPh>
    <rPh sb="6" eb="8">
      <t>キングチ</t>
    </rPh>
    <rPh sb="9" eb="10">
      <t>ショウ</t>
    </rPh>
    <rPh sb="11" eb="13">
      <t>コウノ</t>
    </rPh>
    <rPh sb="14" eb="15">
      <t>ナシ</t>
    </rPh>
    <rPh sb="15" eb="16">
      <t>ナ</t>
    </rPh>
    <rPh sb="17" eb="19">
      <t>オオウエ</t>
    </rPh>
    <rPh sb="20" eb="21">
      <t>ショウ</t>
    </rPh>
    <rPh sb="21" eb="22">
      <t>ヒトシ</t>
    </rPh>
    <rPh sb="23" eb="25">
      <t>ウチムラ</t>
    </rPh>
    <rPh sb="26" eb="27">
      <t>ノボル</t>
    </rPh>
    <rPh sb="28" eb="29">
      <t>ナダ</t>
    </rPh>
    <rPh sb="30" eb="32">
      <t>タイシ</t>
    </rPh>
    <rPh sb="33" eb="35">
      <t>カミガキ</t>
    </rPh>
    <rPh sb="36" eb="37">
      <t>ユウ</t>
    </rPh>
    <phoneticPr fontId="1"/>
  </si>
  <si>
    <t>045-253-9929</t>
    <phoneticPr fontId="1"/>
  </si>
  <si>
    <t>帝京大学医学部附属溝口病院</t>
    <phoneticPr fontId="1"/>
  </si>
  <si>
    <t>河原﨑　宏雄
内田　大介
中野　栄治</t>
    <rPh sb="0" eb="2">
      <t>カワラ</t>
    </rPh>
    <rPh sb="2" eb="3">
      <t>サキ</t>
    </rPh>
    <rPh sb="4" eb="6">
      <t>コウユウ</t>
    </rPh>
    <rPh sb="7" eb="9">
      <t>ウチダ</t>
    </rPh>
    <rPh sb="10" eb="12">
      <t>ダイスケ</t>
    </rPh>
    <rPh sb="13" eb="15">
      <t>ナカノ</t>
    </rPh>
    <rPh sb="16" eb="18">
      <t>エイジ</t>
    </rPh>
    <phoneticPr fontId="1"/>
  </si>
  <si>
    <t>藤原　亮
吉浦　辰徳</t>
    <phoneticPr fontId="1"/>
  </si>
  <si>
    <t>045-851-2621</t>
    <phoneticPr fontId="1"/>
  </si>
  <si>
    <t>久慈　忠司</t>
    <phoneticPr fontId="1"/>
  </si>
  <si>
    <t>駒場　大峰
木村　守次
小泉　賢洋
中川　洋佑
小野沢　優奈
島村　典佑</t>
    <rPh sb="0" eb="2">
      <t>コマバ</t>
    </rPh>
    <rPh sb="3" eb="5">
      <t>オオミネ</t>
    </rPh>
    <rPh sb="6" eb="8">
      <t>キムラ</t>
    </rPh>
    <rPh sb="9" eb="10">
      <t>マモル</t>
    </rPh>
    <rPh sb="10" eb="11">
      <t>ジ</t>
    </rPh>
    <rPh sb="12" eb="14">
      <t>コイズミ</t>
    </rPh>
    <rPh sb="15" eb="16">
      <t>ケン</t>
    </rPh>
    <rPh sb="16" eb="17">
      <t>ヒロシ</t>
    </rPh>
    <rPh sb="18" eb="20">
      <t>ナカガワ</t>
    </rPh>
    <rPh sb="21" eb="22">
      <t>ヨウ</t>
    </rPh>
    <rPh sb="22" eb="23">
      <t>ユウ</t>
    </rPh>
    <rPh sb="24" eb="27">
      <t>オノザワ</t>
    </rPh>
    <rPh sb="28" eb="29">
      <t>ユウ</t>
    </rPh>
    <rPh sb="29" eb="30">
      <t>ナ</t>
    </rPh>
    <rPh sb="31" eb="33">
      <t>シマムラ</t>
    </rPh>
    <rPh sb="34" eb="35">
      <t>テン</t>
    </rPh>
    <rPh sb="35" eb="36">
      <t>ユウ</t>
    </rPh>
    <phoneticPr fontId="1"/>
  </si>
  <si>
    <t>久里浜みなとクリニック</t>
    <phoneticPr fontId="1"/>
  </si>
  <si>
    <t>川口　祐輝
赤沼　嵩史</t>
    <phoneticPr fontId="1"/>
  </si>
  <si>
    <t>045-474-8111</t>
    <phoneticPr fontId="1"/>
  </si>
  <si>
    <t>不可能（緊急入院患者のみカフ型カテーテル挿入もしくは形成外科医へ依頼し可及的なVA作成をしている）</t>
    <rPh sb="0" eb="3">
      <t>フカノウ</t>
    </rPh>
    <phoneticPr fontId="1"/>
  </si>
  <si>
    <t>可能（R7年度中稼働予定）</t>
    <rPh sb="0" eb="2">
      <t>カノウ</t>
    </rPh>
    <rPh sb="5" eb="7">
      <t>ネンド</t>
    </rPh>
    <rPh sb="7" eb="8">
      <t>チュウ</t>
    </rPh>
    <rPh sb="8" eb="10">
      <t>カドウ</t>
    </rPh>
    <rPh sb="10" eb="12">
      <t>ヨテイ</t>
    </rPh>
    <phoneticPr fontId="1"/>
  </si>
  <si>
    <t>安藤　大作
秋月　裕子</t>
    <phoneticPr fontId="1"/>
  </si>
  <si>
    <t>昭和医科大学藤が丘病院</t>
    <rPh sb="2" eb="4">
      <t>イカ</t>
    </rPh>
    <phoneticPr fontId="1"/>
  </si>
  <si>
    <t>可能（腎代替療法専門指導士あり）</t>
    <rPh sb="0" eb="2">
      <t>カノウ</t>
    </rPh>
    <rPh sb="3" eb="4">
      <t>ジン</t>
    </rPh>
    <rPh sb="4" eb="6">
      <t>ダイタイ</t>
    </rPh>
    <rPh sb="6" eb="8">
      <t>リョウホウ</t>
    </rPh>
    <rPh sb="8" eb="10">
      <t>センモン</t>
    </rPh>
    <rPh sb="10" eb="12">
      <t>シドウ</t>
    </rPh>
    <rPh sb="12" eb="13">
      <t>シ</t>
    </rPh>
    <phoneticPr fontId="1"/>
  </si>
  <si>
    <t>神奈川県腎臓専門医リスト（令和７年10月時点）</t>
    <rPh sb="0" eb="4">
      <t>カナガワケン</t>
    </rPh>
    <rPh sb="4" eb="6">
      <t>ジンゾウ</t>
    </rPh>
    <rPh sb="6" eb="9">
      <t>センモンイ</t>
    </rPh>
    <rPh sb="13" eb="15">
      <t>レイワ</t>
    </rPh>
    <rPh sb="16" eb="17">
      <t>ネン</t>
    </rPh>
    <rPh sb="19" eb="20">
      <t>ガツ</t>
    </rPh>
    <rPh sb="20" eb="22">
      <t>ジテ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2"/>
      <color theme="1"/>
      <name val="ＭＳ 明朝"/>
      <family val="2"/>
      <charset val="128"/>
    </font>
    <font>
      <sz val="6"/>
      <name val="ＭＳ 明朝"/>
      <family val="2"/>
      <charset val="128"/>
    </font>
    <font>
      <sz val="24"/>
      <color theme="1"/>
      <name val="ＭＳ ゴシック"/>
      <family val="3"/>
      <charset val="128"/>
    </font>
    <font>
      <sz val="14"/>
      <color theme="1"/>
      <name val="ＭＳ 明朝"/>
      <family val="2"/>
      <charset val="128"/>
    </font>
    <font>
      <sz val="14"/>
      <color theme="1"/>
      <name val="ＭＳ 明朝"/>
      <family val="1"/>
      <charset val="128"/>
    </font>
    <font>
      <sz val="20"/>
      <color theme="1"/>
      <name val="ＭＳ ゴシック"/>
      <family val="3"/>
      <charset val="128"/>
    </font>
    <font>
      <b/>
      <sz val="16"/>
      <color rgb="FF0070C0"/>
      <name val="ＭＳ ゴシック"/>
      <family val="3"/>
      <charset val="128"/>
    </font>
    <font>
      <sz val="26"/>
      <name val="ＭＳ ゴシック"/>
      <family val="3"/>
      <charset val="128"/>
    </font>
    <font>
      <sz val="14"/>
      <name val="ＭＳ 明朝"/>
      <family val="1"/>
      <charset val="128"/>
    </font>
    <font>
      <sz val="14"/>
      <name val="ＭＳ 明朝"/>
      <family val="2"/>
      <charset val="128"/>
    </font>
    <font>
      <sz val="20"/>
      <name val="ＭＳ ゴシック"/>
      <family val="3"/>
      <charset val="128"/>
    </font>
  </fonts>
  <fills count="4">
    <fill>
      <patternFill patternType="none"/>
    </fill>
    <fill>
      <patternFill patternType="gray125"/>
    </fill>
    <fill>
      <patternFill patternType="solid">
        <fgColor theme="7" tint="0.79998168889431442"/>
        <bgColor indexed="64"/>
      </patternFill>
    </fill>
    <fill>
      <patternFill patternType="solid">
        <fgColor theme="9" tint="0.79998168889431442"/>
        <bgColor indexed="64"/>
      </patternFill>
    </fill>
  </fills>
  <borders count="9">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40">
    <xf numFmtId="0" fontId="0" fillId="0" borderId="0" xfId="0">
      <alignment vertical="center"/>
    </xf>
    <xf numFmtId="0" fontId="2" fillId="0" borderId="4" xfId="0" applyFont="1" applyBorder="1" applyAlignment="1">
      <alignment horizontal="center" vertical="center"/>
    </xf>
    <xf numFmtId="0" fontId="2" fillId="0" borderId="0" xfId="0" applyFont="1" applyBorder="1" applyAlignment="1">
      <alignment horizontal="center" vertical="center"/>
    </xf>
    <xf numFmtId="0" fontId="4" fillId="3" borderId="1" xfId="0" applyFont="1" applyFill="1" applyBorder="1" applyAlignment="1">
      <alignment horizontal="center" vertical="center"/>
    </xf>
    <xf numFmtId="0" fontId="4" fillId="3" borderId="1" xfId="0" applyFont="1" applyFill="1" applyBorder="1" applyAlignment="1">
      <alignment horizontal="center" vertical="center" wrapText="1"/>
    </xf>
    <xf numFmtId="0" fontId="4" fillId="0" borderId="0" xfId="0" applyFont="1" applyBorder="1" applyAlignment="1">
      <alignment horizontal="right" vertical="center"/>
    </xf>
    <xf numFmtId="0" fontId="6" fillId="0" borderId="0" xfId="0" applyFont="1" applyBorder="1" applyAlignment="1">
      <alignment horizontal="center" vertical="center"/>
    </xf>
    <xf numFmtId="0" fontId="8" fillId="0" borderId="1" xfId="0" applyFont="1" applyBorder="1" applyAlignment="1">
      <alignment vertical="center" wrapText="1"/>
    </xf>
    <xf numFmtId="0" fontId="8" fillId="0" borderId="1" xfId="0" applyFont="1" applyBorder="1" applyAlignment="1">
      <alignment horizontal="center" vertical="center"/>
    </xf>
    <xf numFmtId="0" fontId="8" fillId="0" borderId="1" xfId="0" applyFont="1" applyBorder="1" applyAlignment="1">
      <alignment horizontal="center" vertical="center" wrapText="1"/>
    </xf>
    <xf numFmtId="0" fontId="9" fillId="0" borderId="1" xfId="0" applyFont="1" applyBorder="1" applyAlignment="1">
      <alignment horizontal="center" vertical="center"/>
    </xf>
    <xf numFmtId="0" fontId="8" fillId="0" borderId="1" xfId="0" applyFont="1" applyBorder="1">
      <alignment vertical="center"/>
    </xf>
    <xf numFmtId="0" fontId="8" fillId="0" borderId="1" xfId="0" applyFont="1" applyBorder="1" applyAlignment="1">
      <alignment horizontal="right" vertical="center"/>
    </xf>
    <xf numFmtId="0" fontId="8" fillId="0" borderId="1" xfId="0" applyFont="1" applyBorder="1" applyAlignment="1">
      <alignment horizontal="left" vertical="center"/>
    </xf>
    <xf numFmtId="0" fontId="8" fillId="0" borderId="1" xfId="0" applyFont="1" applyBorder="1" applyAlignment="1">
      <alignment horizontal="left" vertical="center" wrapText="1"/>
    </xf>
    <xf numFmtId="0" fontId="8" fillId="0" borderId="1" xfId="0" applyFont="1" applyFill="1" applyBorder="1" applyAlignment="1">
      <alignment vertical="center" wrapText="1"/>
    </xf>
    <xf numFmtId="0" fontId="8" fillId="0" borderId="1" xfId="0" applyFont="1" applyFill="1" applyBorder="1" applyAlignment="1">
      <alignment horizontal="center" vertical="center"/>
    </xf>
    <xf numFmtId="0" fontId="8" fillId="0" borderId="1" xfId="0" applyFont="1" applyFill="1" applyBorder="1" applyAlignment="1">
      <alignment horizontal="center" vertical="center" wrapText="1"/>
    </xf>
    <xf numFmtId="0" fontId="8" fillId="0" borderId="1" xfId="0" applyFont="1" applyFill="1" applyBorder="1" applyAlignment="1">
      <alignment horizontal="left" vertical="center" wrapText="1"/>
    </xf>
    <xf numFmtId="0" fontId="8" fillId="0" borderId="1" xfId="0" applyFont="1" applyFill="1" applyBorder="1">
      <alignment vertical="center"/>
    </xf>
    <xf numFmtId="0" fontId="8" fillId="0" borderId="1" xfId="0" applyFont="1" applyFill="1" applyBorder="1" applyAlignment="1">
      <alignment horizontal="left" vertical="center"/>
    </xf>
    <xf numFmtId="0" fontId="9" fillId="0" borderId="1" xfId="0" applyFont="1" applyFill="1" applyBorder="1" applyAlignment="1">
      <alignment horizontal="center" vertical="center"/>
    </xf>
    <xf numFmtId="0" fontId="8" fillId="0" borderId="1" xfId="0" applyFont="1" applyFill="1" applyBorder="1" applyAlignment="1">
      <alignment horizontal="right" vertical="center"/>
    </xf>
    <xf numFmtId="0" fontId="8" fillId="0" borderId="1" xfId="0" applyFont="1" applyFill="1" applyBorder="1" applyAlignment="1">
      <alignment vertical="center"/>
    </xf>
    <xf numFmtId="0" fontId="9" fillId="0" borderId="1" xfId="0" applyFont="1" applyFill="1" applyBorder="1" applyAlignment="1">
      <alignment horizontal="center" vertical="center" wrapText="1"/>
    </xf>
    <xf numFmtId="0" fontId="7" fillId="0" borderId="0" xfId="0" applyFont="1" applyBorder="1" applyAlignment="1">
      <alignment horizontal="center" vertical="center"/>
    </xf>
    <xf numFmtId="0" fontId="4" fillId="3" borderId="2" xfId="0" applyFont="1" applyFill="1" applyBorder="1" applyAlignment="1">
      <alignment horizontal="center" vertical="center" wrapText="1"/>
    </xf>
    <xf numFmtId="0" fontId="4" fillId="3" borderId="3" xfId="0" applyFont="1" applyFill="1" applyBorder="1" applyAlignment="1">
      <alignment horizontal="center" vertical="center"/>
    </xf>
    <xf numFmtId="0" fontId="3" fillId="3" borderId="1" xfId="0" applyFont="1" applyFill="1" applyBorder="1" applyAlignment="1">
      <alignment horizontal="center" vertical="center"/>
    </xf>
    <xf numFmtId="0" fontId="4" fillId="3" borderId="1" xfId="0" applyFont="1" applyFill="1" applyBorder="1" applyAlignment="1">
      <alignment horizontal="center" vertical="center" wrapText="1"/>
    </xf>
    <xf numFmtId="0" fontId="3" fillId="0" borderId="5" xfId="0" applyFont="1" applyBorder="1" applyAlignment="1">
      <alignment horizontal="right" vertical="center"/>
    </xf>
    <xf numFmtId="0" fontId="4" fillId="0" borderId="5" xfId="0" applyFont="1" applyBorder="1" applyAlignment="1">
      <alignment horizontal="right" vertical="center"/>
    </xf>
    <xf numFmtId="0" fontId="3" fillId="3" borderId="2" xfId="0" applyFont="1" applyFill="1" applyBorder="1" applyAlignment="1">
      <alignment horizontal="center" vertical="center" wrapText="1"/>
    </xf>
    <xf numFmtId="0" fontId="3" fillId="3" borderId="3" xfId="0" applyFont="1" applyFill="1" applyBorder="1" applyAlignment="1">
      <alignment horizontal="center" vertical="center"/>
    </xf>
    <xf numFmtId="0" fontId="10" fillId="2" borderId="6" xfId="0" applyFont="1" applyFill="1" applyBorder="1" applyAlignment="1">
      <alignment horizontal="center" vertical="center"/>
    </xf>
    <xf numFmtId="0" fontId="10" fillId="2" borderId="7" xfId="0" applyFont="1" applyFill="1" applyBorder="1" applyAlignment="1">
      <alignment horizontal="center" vertical="center"/>
    </xf>
    <xf numFmtId="0" fontId="10" fillId="2" borderId="8"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8" xfId="0" applyFont="1" applyFill="1" applyBorder="1" applyAlignment="1">
      <alignment horizontal="center" vertical="center"/>
    </xf>
  </cellXfs>
  <cellStyles count="1">
    <cellStyle name="標準" xfId="0" builtinId="0"/>
  </cellStyles>
  <dxfs count="0"/>
  <tableStyles count="0" defaultTableStyle="TableStyleMedium2" defaultPivotStyle="PivotStyleLight16"/>
  <colors>
    <mruColors>
      <color rgb="FFFF7C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T123"/>
  <sheetViews>
    <sheetView tabSelected="1" view="pageBreakPreview" zoomScale="55" zoomScaleNormal="100" zoomScaleSheetLayoutView="55" workbookViewId="0">
      <pane ySplit="4" topLeftCell="A5" activePane="bottomLeft" state="frozen"/>
      <selection pane="bottomLeft" activeCell="U119" sqref="U119"/>
    </sheetView>
  </sheetViews>
  <sheetFormatPr defaultRowHeight="14.4" x14ac:dyDescent="0.2"/>
  <cols>
    <col min="1" max="1" width="5.69921875" customWidth="1"/>
    <col min="2" max="2" width="10.19921875" customWidth="1"/>
    <col min="3" max="3" width="28.5" customWidth="1"/>
    <col min="4" max="4" width="32.8984375" customWidth="1"/>
    <col min="5" max="5" width="18.69921875" customWidth="1"/>
    <col min="6" max="6" width="17.69921875" customWidth="1"/>
    <col min="7" max="7" width="17.796875" customWidth="1"/>
    <col min="8" max="8" width="18.296875" customWidth="1"/>
    <col min="9" max="9" width="12.69921875" customWidth="1"/>
    <col min="10" max="10" width="20.8984375" customWidth="1"/>
    <col min="11" max="11" width="12.796875" customWidth="1"/>
    <col min="12" max="12" width="16.09765625" customWidth="1"/>
    <col min="13" max="13" width="12.09765625" customWidth="1"/>
    <col min="14" max="14" width="16.796875" customWidth="1"/>
    <col min="15" max="15" width="15.8984375" customWidth="1"/>
    <col min="16" max="16" width="14" customWidth="1"/>
    <col min="17" max="17" width="21.09765625" customWidth="1"/>
    <col min="18" max="18" width="32.5" customWidth="1"/>
    <col min="19" max="20" width="21.59765625" customWidth="1"/>
  </cols>
  <sheetData>
    <row r="1" spans="1:20" ht="30" x14ac:dyDescent="0.2">
      <c r="A1" s="25" t="s">
        <v>634</v>
      </c>
      <c r="B1" s="25"/>
      <c r="C1" s="25"/>
      <c r="D1" s="25"/>
      <c r="E1" s="25"/>
      <c r="F1" s="25"/>
      <c r="G1" s="25"/>
      <c r="H1" s="25"/>
      <c r="I1" s="25"/>
      <c r="J1" s="25"/>
      <c r="K1" s="25"/>
      <c r="L1" s="25"/>
      <c r="M1" s="25"/>
      <c r="N1" s="25"/>
      <c r="O1" s="25"/>
      <c r="P1" s="25"/>
      <c r="Q1" s="25"/>
      <c r="R1" s="25"/>
      <c r="S1" s="25"/>
    </row>
    <row r="2" spans="1:20" ht="15.6" customHeight="1" x14ac:dyDescent="0.2">
      <c r="A2" s="1"/>
      <c r="B2" s="1"/>
      <c r="C2" s="1"/>
      <c r="D2" s="1"/>
      <c r="E2" s="1"/>
      <c r="F2" s="2"/>
      <c r="G2" s="2"/>
      <c r="H2" s="2"/>
      <c r="I2" s="2"/>
      <c r="J2" s="2"/>
      <c r="K2" s="2"/>
      <c r="L2" s="2"/>
      <c r="M2" s="2"/>
      <c r="N2" s="2"/>
      <c r="O2" s="2"/>
      <c r="P2" s="2"/>
      <c r="Q2" s="2"/>
      <c r="T2" s="6"/>
    </row>
    <row r="3" spans="1:20" ht="33" customHeight="1" x14ac:dyDescent="0.2">
      <c r="A3" s="28" t="s">
        <v>193</v>
      </c>
      <c r="B3" s="28" t="s">
        <v>63</v>
      </c>
      <c r="C3" s="28" t="s">
        <v>361</v>
      </c>
      <c r="D3" s="28" t="s">
        <v>194</v>
      </c>
      <c r="E3" s="29" t="s">
        <v>239</v>
      </c>
      <c r="F3" s="26" t="s">
        <v>218</v>
      </c>
      <c r="G3" s="28" t="s">
        <v>210</v>
      </c>
      <c r="H3" s="28"/>
      <c r="I3" s="28"/>
      <c r="J3" s="28"/>
      <c r="K3" s="28"/>
      <c r="L3" s="28"/>
      <c r="M3" s="28"/>
      <c r="N3" s="28"/>
      <c r="O3" s="28"/>
      <c r="P3" s="28"/>
      <c r="Q3" s="28"/>
      <c r="R3" s="28"/>
      <c r="S3" s="28"/>
      <c r="T3" s="32" t="s">
        <v>560</v>
      </c>
    </row>
    <row r="4" spans="1:20" ht="104.4" customHeight="1" x14ac:dyDescent="0.2">
      <c r="A4" s="28"/>
      <c r="B4" s="28"/>
      <c r="C4" s="28"/>
      <c r="D4" s="28"/>
      <c r="E4" s="29"/>
      <c r="F4" s="27"/>
      <c r="G4" s="4" t="s">
        <v>199</v>
      </c>
      <c r="H4" s="4" t="s">
        <v>200</v>
      </c>
      <c r="I4" s="3" t="s">
        <v>201</v>
      </c>
      <c r="J4" s="4" t="s">
        <v>202</v>
      </c>
      <c r="K4" s="4" t="s">
        <v>203</v>
      </c>
      <c r="L4" s="4" t="s">
        <v>204</v>
      </c>
      <c r="M4" s="4" t="s">
        <v>205</v>
      </c>
      <c r="N4" s="4" t="s">
        <v>206</v>
      </c>
      <c r="O4" s="4" t="s">
        <v>207</v>
      </c>
      <c r="P4" s="4" t="s">
        <v>208</v>
      </c>
      <c r="Q4" s="4" t="s">
        <v>209</v>
      </c>
      <c r="R4" s="4" t="s">
        <v>514</v>
      </c>
      <c r="S4" s="4" t="s">
        <v>515</v>
      </c>
      <c r="T4" s="33"/>
    </row>
    <row r="5" spans="1:20" ht="23.4" x14ac:dyDescent="0.2">
      <c r="A5" s="37" t="s">
        <v>195</v>
      </c>
      <c r="B5" s="38"/>
      <c r="C5" s="38"/>
      <c r="D5" s="38"/>
      <c r="E5" s="38"/>
      <c r="F5" s="38"/>
      <c r="G5" s="38"/>
      <c r="H5" s="38"/>
      <c r="I5" s="38"/>
      <c r="J5" s="38"/>
      <c r="K5" s="38"/>
      <c r="L5" s="38"/>
      <c r="M5" s="38"/>
      <c r="N5" s="38"/>
      <c r="O5" s="38"/>
      <c r="P5" s="38"/>
      <c r="Q5" s="38"/>
      <c r="R5" s="38"/>
      <c r="S5" s="38"/>
      <c r="T5" s="39"/>
    </row>
    <row r="6" spans="1:20" ht="49.8" customHeight="1" x14ac:dyDescent="0.2">
      <c r="A6" s="19">
        <v>1</v>
      </c>
      <c r="B6" s="20" t="s">
        <v>69</v>
      </c>
      <c r="C6" s="18" t="s">
        <v>362</v>
      </c>
      <c r="D6" s="18" t="s">
        <v>68</v>
      </c>
      <c r="E6" s="15" t="s">
        <v>573</v>
      </c>
      <c r="F6" s="16"/>
      <c r="G6" s="16" t="s">
        <v>238</v>
      </c>
      <c r="H6" s="16" t="s">
        <v>238</v>
      </c>
      <c r="I6" s="16" t="s">
        <v>238</v>
      </c>
      <c r="J6" s="16" t="s">
        <v>238</v>
      </c>
      <c r="K6" s="16" t="s">
        <v>238</v>
      </c>
      <c r="L6" s="17" t="s">
        <v>574</v>
      </c>
      <c r="M6" s="16" t="s">
        <v>238</v>
      </c>
      <c r="N6" s="17" t="s">
        <v>575</v>
      </c>
      <c r="O6" s="16" t="s">
        <v>217</v>
      </c>
      <c r="P6" s="16" t="s">
        <v>224</v>
      </c>
      <c r="Q6" s="16" t="s">
        <v>226</v>
      </c>
      <c r="R6" s="21" t="s">
        <v>516</v>
      </c>
      <c r="S6" s="21" t="s">
        <v>517</v>
      </c>
      <c r="T6" s="21" t="s">
        <v>572</v>
      </c>
    </row>
    <row r="7" spans="1:20" ht="39" customHeight="1" x14ac:dyDescent="0.2">
      <c r="A7" s="19">
        <v>2</v>
      </c>
      <c r="B7" s="20" t="s">
        <v>522</v>
      </c>
      <c r="C7" s="18" t="s">
        <v>523</v>
      </c>
      <c r="D7" s="18" t="s">
        <v>524</v>
      </c>
      <c r="E7" s="15" t="s">
        <v>525</v>
      </c>
      <c r="F7" s="16"/>
      <c r="G7" s="16" t="s">
        <v>526</v>
      </c>
      <c r="H7" s="16" t="s">
        <v>238</v>
      </c>
      <c r="I7" s="16" t="s">
        <v>527</v>
      </c>
      <c r="J7" s="16" t="s">
        <v>238</v>
      </c>
      <c r="K7" s="16" t="s">
        <v>526</v>
      </c>
      <c r="L7" s="16" t="s">
        <v>527</v>
      </c>
      <c r="M7" s="16" t="s">
        <v>238</v>
      </c>
      <c r="N7" s="16" t="s">
        <v>527</v>
      </c>
      <c r="O7" s="16" t="s">
        <v>213</v>
      </c>
      <c r="P7" s="16" t="s">
        <v>214</v>
      </c>
      <c r="Q7" s="16" t="s">
        <v>238</v>
      </c>
      <c r="R7" s="21" t="s">
        <v>516</v>
      </c>
      <c r="S7" s="21" t="s">
        <v>516</v>
      </c>
      <c r="T7" s="21" t="s">
        <v>572</v>
      </c>
    </row>
    <row r="8" spans="1:20" ht="49.8" customHeight="1" x14ac:dyDescent="0.2">
      <c r="A8" s="19">
        <v>3</v>
      </c>
      <c r="B8" s="20" t="s">
        <v>41</v>
      </c>
      <c r="C8" s="18" t="s">
        <v>374</v>
      </c>
      <c r="D8" s="18" t="s">
        <v>40</v>
      </c>
      <c r="E8" s="15" t="s">
        <v>330</v>
      </c>
      <c r="F8" s="16"/>
      <c r="G8" s="16" t="s">
        <v>226</v>
      </c>
      <c r="H8" s="16" t="s">
        <v>226</v>
      </c>
      <c r="I8" s="16" t="s">
        <v>226</v>
      </c>
      <c r="J8" s="16" t="s">
        <v>226</v>
      </c>
      <c r="K8" s="16" t="s">
        <v>226</v>
      </c>
      <c r="L8" s="16" t="s">
        <v>226</v>
      </c>
      <c r="M8" s="16" t="s">
        <v>226</v>
      </c>
      <c r="N8" s="16" t="s">
        <v>227</v>
      </c>
      <c r="O8" s="16" t="s">
        <v>228</v>
      </c>
      <c r="P8" s="16" t="s">
        <v>229</v>
      </c>
      <c r="Q8" s="16" t="s">
        <v>226</v>
      </c>
      <c r="R8" s="21" t="s">
        <v>516</v>
      </c>
      <c r="S8" s="21" t="s">
        <v>516</v>
      </c>
      <c r="T8" s="21" t="s">
        <v>584</v>
      </c>
    </row>
    <row r="9" spans="1:20" ht="39" customHeight="1" x14ac:dyDescent="0.2">
      <c r="A9" s="19">
        <v>4</v>
      </c>
      <c r="B9" s="19" t="s">
        <v>173</v>
      </c>
      <c r="C9" s="15" t="s">
        <v>375</v>
      </c>
      <c r="D9" s="15" t="s">
        <v>459</v>
      </c>
      <c r="E9" s="19" t="s">
        <v>172</v>
      </c>
      <c r="F9" s="19"/>
      <c r="G9" s="16" t="s">
        <v>211</v>
      </c>
      <c r="H9" s="16" t="s">
        <v>212</v>
      </c>
      <c r="I9" s="16" t="s">
        <v>212</v>
      </c>
      <c r="J9" s="16" t="s">
        <v>212</v>
      </c>
      <c r="K9" s="16" t="s">
        <v>212</v>
      </c>
      <c r="L9" s="16" t="s">
        <v>212</v>
      </c>
      <c r="M9" s="16" t="s">
        <v>212</v>
      </c>
      <c r="N9" s="16" t="s">
        <v>212</v>
      </c>
      <c r="O9" s="16" t="s">
        <v>213</v>
      </c>
      <c r="P9" s="16" t="s">
        <v>215</v>
      </c>
      <c r="Q9" s="16" t="s">
        <v>212</v>
      </c>
      <c r="R9" s="21" t="s">
        <v>214</v>
      </c>
      <c r="S9" s="21" t="s">
        <v>214</v>
      </c>
      <c r="T9" s="21" t="s">
        <v>549</v>
      </c>
    </row>
    <row r="10" spans="1:20" ht="50.4" customHeight="1" x14ac:dyDescent="0.2">
      <c r="A10" s="22">
        <v>5</v>
      </c>
      <c r="B10" s="20" t="s">
        <v>85</v>
      </c>
      <c r="C10" s="18" t="s">
        <v>363</v>
      </c>
      <c r="D10" s="18" t="s">
        <v>460</v>
      </c>
      <c r="E10" s="15" t="s">
        <v>331</v>
      </c>
      <c r="F10" s="16"/>
      <c r="G10" s="16" t="s">
        <v>226</v>
      </c>
      <c r="H10" s="16" t="s">
        <v>226</v>
      </c>
      <c r="I10" s="16" t="s">
        <v>226</v>
      </c>
      <c r="J10" s="16" t="s">
        <v>226</v>
      </c>
      <c r="K10" s="16" t="s">
        <v>226</v>
      </c>
      <c r="L10" s="16" t="s">
        <v>226</v>
      </c>
      <c r="M10" s="17" t="s">
        <v>265</v>
      </c>
      <c r="N10" s="16" t="s">
        <v>227</v>
      </c>
      <c r="O10" s="16" t="s">
        <v>223</v>
      </c>
      <c r="P10" s="16" t="s">
        <v>229</v>
      </c>
      <c r="Q10" s="16" t="s">
        <v>226</v>
      </c>
      <c r="R10" s="21" t="s">
        <v>549</v>
      </c>
      <c r="S10" s="21" t="s">
        <v>549</v>
      </c>
      <c r="T10" s="21" t="s">
        <v>549</v>
      </c>
    </row>
    <row r="11" spans="1:20" ht="124.2" customHeight="1" x14ac:dyDescent="0.2">
      <c r="A11" s="19">
        <v>6</v>
      </c>
      <c r="B11" s="20" t="s">
        <v>12</v>
      </c>
      <c r="C11" s="18" t="s">
        <v>364</v>
      </c>
      <c r="D11" s="18" t="s">
        <v>461</v>
      </c>
      <c r="E11" s="15" t="s">
        <v>581</v>
      </c>
      <c r="F11" s="16"/>
      <c r="G11" s="16" t="s">
        <v>275</v>
      </c>
      <c r="H11" s="16" t="s">
        <v>238</v>
      </c>
      <c r="I11" s="16" t="s">
        <v>273</v>
      </c>
      <c r="J11" s="16" t="s">
        <v>238</v>
      </c>
      <c r="K11" s="16" t="s">
        <v>238</v>
      </c>
      <c r="L11" s="16" t="s">
        <v>238</v>
      </c>
      <c r="M11" s="16" t="s">
        <v>238</v>
      </c>
      <c r="N11" s="16" t="s">
        <v>212</v>
      </c>
      <c r="O11" s="16" t="s">
        <v>274</v>
      </c>
      <c r="P11" s="16" t="s">
        <v>286</v>
      </c>
      <c r="Q11" s="16" t="s">
        <v>272</v>
      </c>
      <c r="R11" s="21" t="s">
        <v>516</v>
      </c>
      <c r="S11" s="21" t="s">
        <v>516</v>
      </c>
      <c r="T11" s="21" t="s">
        <v>561</v>
      </c>
    </row>
    <row r="12" spans="1:20" ht="39" customHeight="1" x14ac:dyDescent="0.2">
      <c r="A12" s="19">
        <v>7</v>
      </c>
      <c r="B12" s="19" t="s">
        <v>108</v>
      </c>
      <c r="C12" s="15" t="s">
        <v>365</v>
      </c>
      <c r="D12" s="15" t="s">
        <v>107</v>
      </c>
      <c r="E12" s="19" t="s">
        <v>106</v>
      </c>
      <c r="F12" s="19"/>
      <c r="G12" s="16" t="s">
        <v>211</v>
      </c>
      <c r="H12" s="16" t="s">
        <v>212</v>
      </c>
      <c r="I12" s="16" t="s">
        <v>212</v>
      </c>
      <c r="J12" s="16" t="s">
        <v>211</v>
      </c>
      <c r="K12" s="16" t="s">
        <v>212</v>
      </c>
      <c r="L12" s="16" t="s">
        <v>212</v>
      </c>
      <c r="M12" s="16" t="s">
        <v>212</v>
      </c>
      <c r="N12" s="16" t="s">
        <v>212</v>
      </c>
      <c r="O12" s="16" t="s">
        <v>213</v>
      </c>
      <c r="P12" s="16" t="s">
        <v>215</v>
      </c>
      <c r="Q12" s="16" t="s">
        <v>212</v>
      </c>
      <c r="R12" s="21" t="s">
        <v>516</v>
      </c>
      <c r="S12" s="21" t="s">
        <v>516</v>
      </c>
      <c r="T12" s="21" t="s">
        <v>561</v>
      </c>
    </row>
    <row r="13" spans="1:20" ht="50.4" customHeight="1" x14ac:dyDescent="0.2">
      <c r="A13" s="19">
        <v>8</v>
      </c>
      <c r="B13" s="20" t="s">
        <v>158</v>
      </c>
      <c r="C13" s="18" t="s">
        <v>366</v>
      </c>
      <c r="D13" s="18" t="s">
        <v>157</v>
      </c>
      <c r="E13" s="15" t="s">
        <v>546</v>
      </c>
      <c r="F13" s="16" t="s">
        <v>225</v>
      </c>
      <c r="G13" s="16" t="s">
        <v>222</v>
      </c>
      <c r="H13" s="16" t="s">
        <v>222</v>
      </c>
      <c r="I13" s="16" t="s">
        <v>222</v>
      </c>
      <c r="J13" s="16" t="s">
        <v>222</v>
      </c>
      <c r="K13" s="16" t="s">
        <v>222</v>
      </c>
      <c r="L13" s="16" t="s">
        <v>222</v>
      </c>
      <c r="M13" s="16" t="s">
        <v>222</v>
      </c>
      <c r="N13" s="16" t="s">
        <v>222</v>
      </c>
      <c r="O13" s="16" t="s">
        <v>223</v>
      </c>
      <c r="P13" s="16" t="s">
        <v>224</v>
      </c>
      <c r="Q13" s="16" t="s">
        <v>222</v>
      </c>
      <c r="R13" s="21" t="s">
        <v>214</v>
      </c>
      <c r="S13" s="21" t="s">
        <v>221</v>
      </c>
      <c r="T13" s="21" t="s">
        <v>549</v>
      </c>
    </row>
    <row r="14" spans="1:20" ht="83.4" customHeight="1" x14ac:dyDescent="0.2">
      <c r="A14" s="19">
        <v>9</v>
      </c>
      <c r="B14" s="20" t="s">
        <v>20</v>
      </c>
      <c r="C14" s="18" t="s">
        <v>607</v>
      </c>
      <c r="D14" s="18" t="s">
        <v>462</v>
      </c>
      <c r="E14" s="19" t="s">
        <v>28</v>
      </c>
      <c r="F14" s="19"/>
      <c r="G14" s="17" t="s">
        <v>324</v>
      </c>
      <c r="H14" s="16" t="s">
        <v>321</v>
      </c>
      <c r="I14" s="16" t="s">
        <v>321</v>
      </c>
      <c r="J14" s="16" t="s">
        <v>319</v>
      </c>
      <c r="K14" s="16" t="s">
        <v>319</v>
      </c>
      <c r="L14" s="17" t="s">
        <v>542</v>
      </c>
      <c r="M14" s="17" t="s">
        <v>325</v>
      </c>
      <c r="N14" s="16" t="s">
        <v>321</v>
      </c>
      <c r="O14" s="16" t="s">
        <v>322</v>
      </c>
      <c r="P14" s="16" t="s">
        <v>326</v>
      </c>
      <c r="Q14" s="16" t="s">
        <v>321</v>
      </c>
      <c r="R14" s="21" t="s">
        <v>516</v>
      </c>
      <c r="S14" s="21" t="s">
        <v>516</v>
      </c>
      <c r="T14" s="21" t="s">
        <v>561</v>
      </c>
    </row>
    <row r="15" spans="1:20" ht="37.200000000000003" customHeight="1" x14ac:dyDescent="0.2">
      <c r="A15" s="19">
        <v>10</v>
      </c>
      <c r="B15" s="19" t="s">
        <v>31</v>
      </c>
      <c r="C15" s="15" t="s">
        <v>367</v>
      </c>
      <c r="D15" s="15" t="s">
        <v>30</v>
      </c>
      <c r="E15" s="19" t="s">
        <v>29</v>
      </c>
      <c r="F15" s="19"/>
      <c r="G15" s="16" t="s">
        <v>211</v>
      </c>
      <c r="H15" s="16" t="s">
        <v>212</v>
      </c>
      <c r="I15" s="16" t="s">
        <v>212</v>
      </c>
      <c r="J15" s="16" t="s">
        <v>211</v>
      </c>
      <c r="K15" s="16" t="s">
        <v>212</v>
      </c>
      <c r="L15" s="16" t="s">
        <v>212</v>
      </c>
      <c r="M15" s="16" t="s">
        <v>212</v>
      </c>
      <c r="N15" s="16" t="s">
        <v>212</v>
      </c>
      <c r="O15" s="16" t="s">
        <v>213</v>
      </c>
      <c r="P15" s="16" t="s">
        <v>215</v>
      </c>
      <c r="Q15" s="16" t="s">
        <v>212</v>
      </c>
      <c r="R15" s="21" t="s">
        <v>516</v>
      </c>
      <c r="S15" s="21" t="s">
        <v>516</v>
      </c>
      <c r="T15" s="21" t="s">
        <v>561</v>
      </c>
    </row>
    <row r="16" spans="1:20" ht="178.2" x14ac:dyDescent="0.2">
      <c r="A16" s="19">
        <v>11</v>
      </c>
      <c r="B16" s="20" t="s">
        <v>346</v>
      </c>
      <c r="C16" s="18" t="s">
        <v>368</v>
      </c>
      <c r="D16" s="18" t="s">
        <v>47</v>
      </c>
      <c r="E16" s="15" t="s">
        <v>618</v>
      </c>
      <c r="F16" s="16" t="s">
        <v>619</v>
      </c>
      <c r="G16" s="17" t="s">
        <v>279</v>
      </c>
      <c r="H16" s="17" t="s">
        <v>276</v>
      </c>
      <c r="I16" s="16" t="s">
        <v>275</v>
      </c>
      <c r="J16" s="17" t="s">
        <v>277</v>
      </c>
      <c r="K16" s="17" t="s">
        <v>278</v>
      </c>
      <c r="L16" s="17" t="s">
        <v>280</v>
      </c>
      <c r="M16" s="17" t="s">
        <v>281</v>
      </c>
      <c r="N16" s="17" t="s">
        <v>282</v>
      </c>
      <c r="O16" s="17" t="s">
        <v>283</v>
      </c>
      <c r="P16" s="16" t="s">
        <v>284</v>
      </c>
      <c r="Q16" s="17" t="s">
        <v>285</v>
      </c>
      <c r="R16" s="21" t="s">
        <v>516</v>
      </c>
      <c r="S16" s="21" t="s">
        <v>516</v>
      </c>
      <c r="T16" s="21" t="s">
        <v>561</v>
      </c>
    </row>
    <row r="17" spans="1:20" ht="39" customHeight="1" x14ac:dyDescent="0.2">
      <c r="A17" s="19">
        <v>12</v>
      </c>
      <c r="B17" s="19" t="s">
        <v>139</v>
      </c>
      <c r="C17" s="15" t="s">
        <v>369</v>
      </c>
      <c r="D17" s="15" t="s">
        <v>138</v>
      </c>
      <c r="E17" s="19" t="s">
        <v>137</v>
      </c>
      <c r="F17" s="19"/>
      <c r="G17" s="16" t="s">
        <v>226</v>
      </c>
      <c r="H17" s="16" t="s">
        <v>227</v>
      </c>
      <c r="I17" s="16" t="s">
        <v>227</v>
      </c>
      <c r="J17" s="16" t="s">
        <v>227</v>
      </c>
      <c r="K17" s="16" t="s">
        <v>227</v>
      </c>
      <c r="L17" s="16" t="s">
        <v>227</v>
      </c>
      <c r="M17" s="16" t="s">
        <v>226</v>
      </c>
      <c r="N17" s="16" t="s">
        <v>227</v>
      </c>
      <c r="O17" s="16" t="s">
        <v>228</v>
      </c>
      <c r="P17" s="16" t="s">
        <v>215</v>
      </c>
      <c r="Q17" s="16" t="s">
        <v>234</v>
      </c>
      <c r="R17" s="21" t="s">
        <v>516</v>
      </c>
      <c r="S17" s="21" t="s">
        <v>516</v>
      </c>
      <c r="T17" s="21" t="s">
        <v>561</v>
      </c>
    </row>
    <row r="18" spans="1:20" ht="39" customHeight="1" x14ac:dyDescent="0.2">
      <c r="A18" s="19">
        <v>13</v>
      </c>
      <c r="B18" s="20" t="s">
        <v>347</v>
      </c>
      <c r="C18" s="15" t="s">
        <v>370</v>
      </c>
      <c r="D18" s="15" t="s">
        <v>165</v>
      </c>
      <c r="E18" s="19" t="s">
        <v>164</v>
      </c>
      <c r="F18" s="16" t="s">
        <v>231</v>
      </c>
      <c r="G18" s="16" t="s">
        <v>226</v>
      </c>
      <c r="H18" s="16" t="s">
        <v>227</v>
      </c>
      <c r="I18" s="16" t="s">
        <v>227</v>
      </c>
      <c r="J18" s="16" t="s">
        <v>211</v>
      </c>
      <c r="K18" s="16" t="s">
        <v>227</v>
      </c>
      <c r="L18" s="16" t="s">
        <v>227</v>
      </c>
      <c r="M18" s="16" t="s">
        <v>226</v>
      </c>
      <c r="N18" s="16" t="s">
        <v>227</v>
      </c>
      <c r="O18" s="16" t="s">
        <v>228</v>
      </c>
      <c r="P18" s="16" t="s">
        <v>229</v>
      </c>
      <c r="Q18" s="16" t="s">
        <v>226</v>
      </c>
      <c r="R18" s="21" t="s">
        <v>214</v>
      </c>
      <c r="S18" s="21" t="s">
        <v>214</v>
      </c>
      <c r="T18" s="21" t="s">
        <v>561</v>
      </c>
    </row>
    <row r="19" spans="1:20" ht="67.8" customHeight="1" x14ac:dyDescent="0.2">
      <c r="A19" s="19">
        <v>14</v>
      </c>
      <c r="B19" s="20" t="s">
        <v>61</v>
      </c>
      <c r="C19" s="18" t="s">
        <v>371</v>
      </c>
      <c r="D19" s="18" t="s">
        <v>60</v>
      </c>
      <c r="E19" s="15" t="s">
        <v>615</v>
      </c>
      <c r="F19" s="16"/>
      <c r="G19" s="16" t="s">
        <v>292</v>
      </c>
      <c r="H19" s="16" t="s">
        <v>292</v>
      </c>
      <c r="I19" s="16" t="s">
        <v>292</v>
      </c>
      <c r="J19" s="16" t="s">
        <v>292</v>
      </c>
      <c r="K19" s="16" t="s">
        <v>292</v>
      </c>
      <c r="L19" s="16" t="s">
        <v>292</v>
      </c>
      <c r="M19" s="16" t="s">
        <v>292</v>
      </c>
      <c r="N19" s="16" t="s">
        <v>293</v>
      </c>
      <c r="O19" s="16" t="s">
        <v>296</v>
      </c>
      <c r="P19" s="16" t="s">
        <v>297</v>
      </c>
      <c r="Q19" s="16" t="s">
        <v>292</v>
      </c>
      <c r="R19" s="21" t="s">
        <v>516</v>
      </c>
      <c r="S19" s="21" t="s">
        <v>221</v>
      </c>
      <c r="T19" s="21" t="s">
        <v>561</v>
      </c>
    </row>
    <row r="20" spans="1:20" ht="39" customHeight="1" x14ac:dyDescent="0.2">
      <c r="A20" s="19">
        <v>15</v>
      </c>
      <c r="B20" s="20" t="s">
        <v>504</v>
      </c>
      <c r="C20" s="18" t="s">
        <v>505</v>
      </c>
      <c r="D20" s="18" t="s">
        <v>506</v>
      </c>
      <c r="E20" s="15" t="s">
        <v>624</v>
      </c>
      <c r="F20" s="16" t="s">
        <v>507</v>
      </c>
      <c r="G20" s="16" t="s">
        <v>211</v>
      </c>
      <c r="H20" s="16" t="s">
        <v>212</v>
      </c>
      <c r="I20" s="16" t="s">
        <v>212</v>
      </c>
      <c r="J20" s="16" t="s">
        <v>211</v>
      </c>
      <c r="K20" s="16" t="s">
        <v>211</v>
      </c>
      <c r="L20" s="16" t="s">
        <v>212</v>
      </c>
      <c r="M20" s="16" t="s">
        <v>211</v>
      </c>
      <c r="N20" s="16" t="s">
        <v>212</v>
      </c>
      <c r="O20" s="16" t="s">
        <v>213</v>
      </c>
      <c r="P20" s="16" t="s">
        <v>214</v>
      </c>
      <c r="Q20" s="16" t="s">
        <v>234</v>
      </c>
      <c r="R20" s="21" t="s">
        <v>516</v>
      </c>
      <c r="S20" s="21" t="s">
        <v>516</v>
      </c>
      <c r="T20" s="21" t="s">
        <v>561</v>
      </c>
    </row>
    <row r="21" spans="1:20" ht="84" customHeight="1" x14ac:dyDescent="0.2">
      <c r="A21" s="19">
        <v>16</v>
      </c>
      <c r="B21" s="20" t="s">
        <v>348</v>
      </c>
      <c r="C21" s="18" t="s">
        <v>372</v>
      </c>
      <c r="D21" s="18" t="s">
        <v>463</v>
      </c>
      <c r="E21" s="15" t="s">
        <v>521</v>
      </c>
      <c r="F21" s="16"/>
      <c r="G21" s="16" t="s">
        <v>310</v>
      </c>
      <c r="H21" s="16" t="s">
        <v>309</v>
      </c>
      <c r="I21" s="16" t="s">
        <v>309</v>
      </c>
      <c r="J21" s="16" t="s">
        <v>310</v>
      </c>
      <c r="K21" s="16" t="s">
        <v>310</v>
      </c>
      <c r="L21" s="16" t="s">
        <v>310</v>
      </c>
      <c r="M21" s="16" t="s">
        <v>310</v>
      </c>
      <c r="N21" s="16" t="s">
        <v>309</v>
      </c>
      <c r="O21" s="16" t="s">
        <v>308</v>
      </c>
      <c r="P21" s="16" t="s">
        <v>313</v>
      </c>
      <c r="Q21" s="16" t="s">
        <v>309</v>
      </c>
      <c r="R21" s="21" t="s">
        <v>516</v>
      </c>
      <c r="S21" s="21" t="s">
        <v>516</v>
      </c>
      <c r="T21" s="21" t="s">
        <v>561</v>
      </c>
    </row>
    <row r="22" spans="1:20" ht="39" customHeight="1" x14ac:dyDescent="0.2">
      <c r="A22" s="19">
        <v>17</v>
      </c>
      <c r="B22" s="20" t="s">
        <v>163</v>
      </c>
      <c r="C22" s="18" t="s">
        <v>373</v>
      </c>
      <c r="D22" s="18" t="s">
        <v>464</v>
      </c>
      <c r="E22" s="15" t="s">
        <v>520</v>
      </c>
      <c r="F22" s="19"/>
      <c r="G22" s="16" t="s">
        <v>315</v>
      </c>
      <c r="H22" s="16" t="s">
        <v>316</v>
      </c>
      <c r="I22" s="16" t="s">
        <v>316</v>
      </c>
      <c r="J22" s="16" t="s">
        <v>238</v>
      </c>
      <c r="K22" s="16" t="s">
        <v>238</v>
      </c>
      <c r="L22" s="16" t="s">
        <v>316</v>
      </c>
      <c r="M22" s="16" t="s">
        <v>238</v>
      </c>
      <c r="N22" s="16" t="s">
        <v>316</v>
      </c>
      <c r="O22" s="16" t="s">
        <v>317</v>
      </c>
      <c r="P22" s="16" t="s">
        <v>214</v>
      </c>
      <c r="Q22" s="16" t="s">
        <v>315</v>
      </c>
      <c r="R22" s="21" t="s">
        <v>516</v>
      </c>
      <c r="S22" s="21" t="s">
        <v>516</v>
      </c>
      <c r="T22" s="21" t="s">
        <v>561</v>
      </c>
    </row>
    <row r="23" spans="1:20" ht="39" customHeight="1" x14ac:dyDescent="0.2">
      <c r="A23" s="19">
        <v>18</v>
      </c>
      <c r="B23" s="20" t="s">
        <v>178</v>
      </c>
      <c r="C23" s="18" t="s">
        <v>179</v>
      </c>
      <c r="D23" s="18" t="s">
        <v>177</v>
      </c>
      <c r="E23" s="15" t="s">
        <v>332</v>
      </c>
      <c r="F23" s="16" t="s">
        <v>299</v>
      </c>
      <c r="G23" s="16" t="s">
        <v>292</v>
      </c>
      <c r="H23" s="16" t="s">
        <v>292</v>
      </c>
      <c r="I23" s="16" t="s">
        <v>292</v>
      </c>
      <c r="J23" s="16" t="s">
        <v>292</v>
      </c>
      <c r="K23" s="16" t="s">
        <v>292</v>
      </c>
      <c r="L23" s="16" t="s">
        <v>292</v>
      </c>
      <c r="M23" s="16" t="s">
        <v>292</v>
      </c>
      <c r="N23" s="16" t="s">
        <v>293</v>
      </c>
      <c r="O23" s="17" t="s">
        <v>217</v>
      </c>
      <c r="P23" s="16" t="s">
        <v>297</v>
      </c>
      <c r="Q23" s="16" t="s">
        <v>292</v>
      </c>
      <c r="R23" s="21" t="s">
        <v>516</v>
      </c>
      <c r="S23" s="21" t="s">
        <v>517</v>
      </c>
      <c r="T23" s="21" t="s">
        <v>561</v>
      </c>
    </row>
    <row r="24" spans="1:20" ht="39" customHeight="1" x14ac:dyDescent="0.2">
      <c r="A24" s="19">
        <v>19</v>
      </c>
      <c r="B24" s="19" t="s">
        <v>150</v>
      </c>
      <c r="C24" s="15" t="s">
        <v>151</v>
      </c>
      <c r="D24" s="15" t="s">
        <v>149</v>
      </c>
      <c r="E24" s="19" t="s">
        <v>148</v>
      </c>
      <c r="F24" s="19"/>
      <c r="G24" s="16" t="s">
        <v>292</v>
      </c>
      <c r="H24" s="16" t="s">
        <v>293</v>
      </c>
      <c r="I24" s="16" t="s">
        <v>293</v>
      </c>
      <c r="J24" s="16" t="s">
        <v>238</v>
      </c>
      <c r="K24" s="16" t="s">
        <v>293</v>
      </c>
      <c r="L24" s="16" t="s">
        <v>293</v>
      </c>
      <c r="M24" s="16" t="s">
        <v>293</v>
      </c>
      <c r="N24" s="16" t="s">
        <v>293</v>
      </c>
      <c r="O24" s="16" t="s">
        <v>294</v>
      </c>
      <c r="P24" s="16" t="s">
        <v>295</v>
      </c>
      <c r="Q24" s="16" t="s">
        <v>293</v>
      </c>
      <c r="R24" s="21" t="s">
        <v>516</v>
      </c>
      <c r="S24" s="21" t="s">
        <v>516</v>
      </c>
      <c r="T24" s="21" t="s">
        <v>561</v>
      </c>
    </row>
    <row r="25" spans="1:20" ht="68.400000000000006" customHeight="1" x14ac:dyDescent="0.2">
      <c r="A25" s="19">
        <v>20</v>
      </c>
      <c r="B25" s="20" t="s">
        <v>185</v>
      </c>
      <c r="C25" s="18" t="s">
        <v>186</v>
      </c>
      <c r="D25" s="18" t="s">
        <v>184</v>
      </c>
      <c r="E25" s="15" t="s">
        <v>571</v>
      </c>
      <c r="F25" s="16" t="s">
        <v>236</v>
      </c>
      <c r="G25" s="16" t="s">
        <v>226</v>
      </c>
      <c r="H25" s="16" t="s">
        <v>226</v>
      </c>
      <c r="I25" s="16" t="s">
        <v>226</v>
      </c>
      <c r="J25" s="16" t="s">
        <v>226</v>
      </c>
      <c r="K25" s="16" t="s">
        <v>226</v>
      </c>
      <c r="L25" s="16" t="s">
        <v>226</v>
      </c>
      <c r="M25" s="16" t="s">
        <v>226</v>
      </c>
      <c r="N25" s="16" t="s">
        <v>227</v>
      </c>
      <c r="O25" s="16" t="s">
        <v>223</v>
      </c>
      <c r="P25" s="16" t="s">
        <v>229</v>
      </c>
      <c r="Q25" s="16" t="s">
        <v>226</v>
      </c>
      <c r="R25" s="21" t="s">
        <v>516</v>
      </c>
      <c r="S25" s="21" t="s">
        <v>516</v>
      </c>
      <c r="T25" s="21" t="s">
        <v>561</v>
      </c>
    </row>
    <row r="26" spans="1:20" ht="97.2" x14ac:dyDescent="0.2">
      <c r="A26" s="19">
        <v>21</v>
      </c>
      <c r="B26" s="20" t="s">
        <v>56</v>
      </c>
      <c r="C26" s="18" t="s">
        <v>376</v>
      </c>
      <c r="D26" s="18" t="s">
        <v>55</v>
      </c>
      <c r="E26" s="15" t="s">
        <v>599</v>
      </c>
      <c r="F26" s="16"/>
      <c r="G26" s="16" t="s">
        <v>272</v>
      </c>
      <c r="H26" s="16" t="s">
        <v>272</v>
      </c>
      <c r="I26" s="16" t="s">
        <v>272</v>
      </c>
      <c r="J26" s="16" t="s">
        <v>272</v>
      </c>
      <c r="K26" s="16" t="s">
        <v>272</v>
      </c>
      <c r="L26" s="16" t="s">
        <v>272</v>
      </c>
      <c r="M26" s="16" t="s">
        <v>272</v>
      </c>
      <c r="N26" s="16" t="s">
        <v>273</v>
      </c>
      <c r="O26" s="16" t="s">
        <v>274</v>
      </c>
      <c r="P26" s="16" t="s">
        <v>221</v>
      </c>
      <c r="Q26" s="16" t="s">
        <v>272</v>
      </c>
      <c r="R26" s="21" t="s">
        <v>516</v>
      </c>
      <c r="S26" s="21" t="s">
        <v>517</v>
      </c>
      <c r="T26" s="21" t="s">
        <v>561</v>
      </c>
    </row>
    <row r="27" spans="1:20" ht="39" customHeight="1" x14ac:dyDescent="0.2">
      <c r="A27" s="19">
        <v>22</v>
      </c>
      <c r="B27" s="19" t="s">
        <v>144</v>
      </c>
      <c r="C27" s="15" t="s">
        <v>377</v>
      </c>
      <c r="D27" s="15" t="s">
        <v>143</v>
      </c>
      <c r="E27" s="19" t="s">
        <v>142</v>
      </c>
      <c r="F27" s="19"/>
      <c r="G27" s="16" t="s">
        <v>301</v>
      </c>
      <c r="H27" s="16" t="s">
        <v>302</v>
      </c>
      <c r="I27" s="16" t="s">
        <v>302</v>
      </c>
      <c r="J27" s="16" t="s">
        <v>238</v>
      </c>
      <c r="K27" s="16" t="s">
        <v>302</v>
      </c>
      <c r="L27" s="16" t="s">
        <v>302</v>
      </c>
      <c r="M27" s="16" t="s">
        <v>302</v>
      </c>
      <c r="N27" s="16" t="s">
        <v>302</v>
      </c>
      <c r="O27" s="16" t="s">
        <v>306</v>
      </c>
      <c r="P27" s="16" t="s">
        <v>304</v>
      </c>
      <c r="Q27" s="17" t="s">
        <v>212</v>
      </c>
      <c r="R27" s="21" t="s">
        <v>214</v>
      </c>
      <c r="S27" s="21" t="s">
        <v>214</v>
      </c>
      <c r="T27" s="21" t="s">
        <v>561</v>
      </c>
    </row>
    <row r="28" spans="1:20" ht="39" customHeight="1" x14ac:dyDescent="0.2">
      <c r="A28" s="19">
        <v>23</v>
      </c>
      <c r="B28" s="20" t="s">
        <v>147</v>
      </c>
      <c r="C28" s="18" t="s">
        <v>378</v>
      </c>
      <c r="D28" s="18" t="s">
        <v>465</v>
      </c>
      <c r="E28" s="15" t="s">
        <v>545</v>
      </c>
      <c r="F28" s="16" t="s">
        <v>287</v>
      </c>
      <c r="G28" s="16" t="s">
        <v>275</v>
      </c>
      <c r="H28" s="16" t="s">
        <v>275</v>
      </c>
      <c r="I28" s="16" t="s">
        <v>275</v>
      </c>
      <c r="J28" s="16" t="s">
        <v>275</v>
      </c>
      <c r="K28" s="16" t="s">
        <v>275</v>
      </c>
      <c r="L28" s="16" t="s">
        <v>275</v>
      </c>
      <c r="M28" s="16" t="s">
        <v>275</v>
      </c>
      <c r="N28" s="16" t="s">
        <v>273</v>
      </c>
      <c r="O28" s="16" t="s">
        <v>274</v>
      </c>
      <c r="P28" s="16" t="s">
        <v>221</v>
      </c>
      <c r="Q28" s="16" t="s">
        <v>275</v>
      </c>
      <c r="R28" s="21" t="s">
        <v>214</v>
      </c>
      <c r="S28" s="21" t="s">
        <v>214</v>
      </c>
      <c r="T28" s="21" t="s">
        <v>561</v>
      </c>
    </row>
    <row r="29" spans="1:20" ht="48.6" x14ac:dyDescent="0.2">
      <c r="A29" s="19">
        <v>24</v>
      </c>
      <c r="B29" s="19" t="s">
        <v>156</v>
      </c>
      <c r="C29" s="15" t="s">
        <v>379</v>
      </c>
      <c r="D29" s="15" t="s">
        <v>466</v>
      </c>
      <c r="E29" s="19" t="s">
        <v>155</v>
      </c>
      <c r="F29" s="16" t="s">
        <v>503</v>
      </c>
      <c r="G29" s="17" t="s">
        <v>614</v>
      </c>
      <c r="H29" s="16" t="s">
        <v>212</v>
      </c>
      <c r="I29" s="16" t="s">
        <v>212</v>
      </c>
      <c r="J29" s="16" t="s">
        <v>211</v>
      </c>
      <c r="K29" s="16" t="s">
        <v>211</v>
      </c>
      <c r="L29" s="16" t="s">
        <v>212</v>
      </c>
      <c r="M29" s="16" t="s">
        <v>211</v>
      </c>
      <c r="N29" s="16" t="s">
        <v>212</v>
      </c>
      <c r="O29" s="16" t="s">
        <v>213</v>
      </c>
      <c r="P29" s="16" t="s">
        <v>215</v>
      </c>
      <c r="Q29" s="16" t="s">
        <v>212</v>
      </c>
      <c r="R29" s="21" t="s">
        <v>516</v>
      </c>
      <c r="S29" s="21" t="s">
        <v>516</v>
      </c>
      <c r="T29" s="21" t="s">
        <v>561</v>
      </c>
    </row>
    <row r="30" spans="1:20" ht="39" customHeight="1" x14ac:dyDescent="0.2">
      <c r="A30" s="19">
        <v>25</v>
      </c>
      <c r="B30" s="19" t="s">
        <v>25</v>
      </c>
      <c r="C30" s="15" t="s">
        <v>380</v>
      </c>
      <c r="D30" s="15" t="s">
        <v>24</v>
      </c>
      <c r="E30" s="19" t="s">
        <v>23</v>
      </c>
      <c r="F30" s="19"/>
      <c r="G30" s="16" t="s">
        <v>212</v>
      </c>
      <c r="H30" s="16" t="s">
        <v>212</v>
      </c>
      <c r="I30" s="16" t="s">
        <v>212</v>
      </c>
      <c r="J30" s="16" t="s">
        <v>212</v>
      </c>
      <c r="K30" s="16" t="s">
        <v>211</v>
      </c>
      <c r="L30" s="16" t="s">
        <v>212</v>
      </c>
      <c r="M30" s="16" t="s">
        <v>212</v>
      </c>
      <c r="N30" s="16" t="s">
        <v>212</v>
      </c>
      <c r="O30" s="16" t="s">
        <v>213</v>
      </c>
      <c r="P30" s="16" t="s">
        <v>215</v>
      </c>
      <c r="Q30" s="16" t="s">
        <v>212</v>
      </c>
      <c r="R30" s="21" t="s">
        <v>214</v>
      </c>
      <c r="S30" s="21" t="s">
        <v>214</v>
      </c>
      <c r="T30" s="21" t="s">
        <v>549</v>
      </c>
    </row>
    <row r="31" spans="1:20" ht="38.4" customHeight="1" x14ac:dyDescent="0.2">
      <c r="A31" s="19">
        <v>26</v>
      </c>
      <c r="B31" s="20" t="s">
        <v>183</v>
      </c>
      <c r="C31" s="18" t="s">
        <v>381</v>
      </c>
      <c r="D31" s="18" t="s">
        <v>182</v>
      </c>
      <c r="E31" s="15" t="s">
        <v>563</v>
      </c>
      <c r="F31" s="16"/>
      <c r="G31" s="16" t="s">
        <v>211</v>
      </c>
      <c r="H31" s="16" t="s">
        <v>211</v>
      </c>
      <c r="I31" s="16" t="s">
        <v>211</v>
      </c>
      <c r="J31" s="16" t="s">
        <v>211</v>
      </c>
      <c r="K31" s="16" t="s">
        <v>211</v>
      </c>
      <c r="L31" s="16" t="s">
        <v>211</v>
      </c>
      <c r="M31" s="16" t="s">
        <v>211</v>
      </c>
      <c r="N31" s="16" t="s">
        <v>212</v>
      </c>
      <c r="O31" s="16" t="s">
        <v>217</v>
      </c>
      <c r="P31" s="16" t="s">
        <v>214</v>
      </c>
      <c r="Q31" s="16" t="s">
        <v>211</v>
      </c>
      <c r="R31" s="21" t="s">
        <v>516</v>
      </c>
      <c r="S31" s="21" t="s">
        <v>516</v>
      </c>
      <c r="T31" s="21" t="s">
        <v>561</v>
      </c>
    </row>
    <row r="32" spans="1:20" ht="199.2" customHeight="1" x14ac:dyDescent="0.2">
      <c r="A32" s="19">
        <v>27</v>
      </c>
      <c r="B32" s="20" t="s">
        <v>314</v>
      </c>
      <c r="C32" s="18" t="s">
        <v>382</v>
      </c>
      <c r="D32" s="18" t="s">
        <v>145</v>
      </c>
      <c r="E32" s="15" t="s">
        <v>611</v>
      </c>
      <c r="F32" s="17" t="s">
        <v>249</v>
      </c>
      <c r="G32" s="17" t="s">
        <v>240</v>
      </c>
      <c r="H32" s="17" t="s">
        <v>241</v>
      </c>
      <c r="I32" s="17" t="s">
        <v>242</v>
      </c>
      <c r="J32" s="17" t="s">
        <v>243</v>
      </c>
      <c r="K32" s="17" t="s">
        <v>244</v>
      </c>
      <c r="L32" s="17" t="s">
        <v>245</v>
      </c>
      <c r="M32" s="17" t="s">
        <v>246</v>
      </c>
      <c r="N32" s="17" t="s">
        <v>544</v>
      </c>
      <c r="O32" s="17" t="s">
        <v>247</v>
      </c>
      <c r="P32" s="16" t="s">
        <v>224</v>
      </c>
      <c r="Q32" s="17" t="s">
        <v>248</v>
      </c>
      <c r="R32" s="21" t="s">
        <v>214</v>
      </c>
      <c r="S32" s="21" t="s">
        <v>221</v>
      </c>
      <c r="T32" s="21" t="s">
        <v>561</v>
      </c>
    </row>
    <row r="33" spans="1:20" ht="39" customHeight="1" x14ac:dyDescent="0.2">
      <c r="A33" s="19">
        <v>28</v>
      </c>
      <c r="B33" s="19" t="s">
        <v>25</v>
      </c>
      <c r="C33" s="15" t="s">
        <v>383</v>
      </c>
      <c r="D33" s="15" t="s">
        <v>467</v>
      </c>
      <c r="E33" s="19" t="s">
        <v>119</v>
      </c>
      <c r="F33" s="19"/>
      <c r="G33" s="16" t="s">
        <v>227</v>
      </c>
      <c r="H33" s="16" t="s">
        <v>227</v>
      </c>
      <c r="I33" s="16" t="s">
        <v>227</v>
      </c>
      <c r="J33" s="16" t="s">
        <v>227</v>
      </c>
      <c r="K33" s="16" t="s">
        <v>226</v>
      </c>
      <c r="L33" s="16" t="s">
        <v>227</v>
      </c>
      <c r="M33" s="16" t="s">
        <v>227</v>
      </c>
      <c r="N33" s="16" t="s">
        <v>227</v>
      </c>
      <c r="O33" s="16" t="s">
        <v>228</v>
      </c>
      <c r="P33" s="16" t="s">
        <v>229</v>
      </c>
      <c r="Q33" s="16" t="s">
        <v>227</v>
      </c>
      <c r="R33" s="21" t="s">
        <v>516</v>
      </c>
      <c r="S33" s="21" t="s">
        <v>516</v>
      </c>
      <c r="T33" s="21" t="s">
        <v>561</v>
      </c>
    </row>
    <row r="34" spans="1:20" ht="39" customHeight="1" x14ac:dyDescent="0.2">
      <c r="A34" s="19">
        <v>29</v>
      </c>
      <c r="B34" s="19" t="s">
        <v>73</v>
      </c>
      <c r="C34" s="15" t="s">
        <v>384</v>
      </c>
      <c r="D34" s="15" t="s">
        <v>72</v>
      </c>
      <c r="E34" s="19" t="s">
        <v>71</v>
      </c>
      <c r="F34" s="19"/>
      <c r="G34" s="16" t="s">
        <v>226</v>
      </c>
      <c r="H34" s="16" t="s">
        <v>227</v>
      </c>
      <c r="I34" s="16" t="s">
        <v>227</v>
      </c>
      <c r="J34" s="16" t="s">
        <v>227</v>
      </c>
      <c r="K34" s="16" t="s">
        <v>227</v>
      </c>
      <c r="L34" s="16" t="s">
        <v>227</v>
      </c>
      <c r="M34" s="16" t="s">
        <v>227</v>
      </c>
      <c r="N34" s="16" t="s">
        <v>227</v>
      </c>
      <c r="O34" s="16" t="s">
        <v>228</v>
      </c>
      <c r="P34" s="16" t="s">
        <v>229</v>
      </c>
      <c r="Q34" s="16" t="s">
        <v>227</v>
      </c>
      <c r="R34" s="21" t="s">
        <v>516</v>
      </c>
      <c r="S34" s="21" t="s">
        <v>516</v>
      </c>
      <c r="T34" s="21" t="s">
        <v>561</v>
      </c>
    </row>
    <row r="35" spans="1:20" ht="39" customHeight="1" x14ac:dyDescent="0.2">
      <c r="A35" s="19">
        <v>30</v>
      </c>
      <c r="B35" s="19" t="s">
        <v>32</v>
      </c>
      <c r="C35" s="15" t="s">
        <v>385</v>
      </c>
      <c r="D35" s="15" t="s">
        <v>126</v>
      </c>
      <c r="E35" s="19" t="s">
        <v>125</v>
      </c>
      <c r="F35" s="19"/>
      <c r="G35" s="16" t="s">
        <v>310</v>
      </c>
      <c r="H35" s="16" t="s">
        <v>309</v>
      </c>
      <c r="I35" s="16" t="s">
        <v>309</v>
      </c>
      <c r="J35" s="16" t="s">
        <v>310</v>
      </c>
      <c r="K35" s="16" t="s">
        <v>310</v>
      </c>
      <c r="L35" s="16" t="s">
        <v>309</v>
      </c>
      <c r="M35" s="16" t="s">
        <v>310</v>
      </c>
      <c r="N35" s="16" t="s">
        <v>309</v>
      </c>
      <c r="O35" s="16" t="s">
        <v>308</v>
      </c>
      <c r="P35" s="16" t="s">
        <v>311</v>
      </c>
      <c r="Q35" s="16" t="s">
        <v>310</v>
      </c>
      <c r="R35" s="21" t="s">
        <v>517</v>
      </c>
      <c r="S35" s="21" t="s">
        <v>516</v>
      </c>
      <c r="T35" s="21" t="s">
        <v>549</v>
      </c>
    </row>
    <row r="36" spans="1:20" ht="39" customHeight="1" x14ac:dyDescent="0.2">
      <c r="A36" s="19">
        <v>31</v>
      </c>
      <c r="B36" s="19" t="s">
        <v>190</v>
      </c>
      <c r="C36" s="15" t="s">
        <v>386</v>
      </c>
      <c r="D36" s="15" t="s">
        <v>468</v>
      </c>
      <c r="E36" s="19" t="s">
        <v>116</v>
      </c>
      <c r="F36" s="19"/>
      <c r="G36" s="16" t="s">
        <v>227</v>
      </c>
      <c r="H36" s="16" t="s">
        <v>227</v>
      </c>
      <c r="I36" s="16" t="s">
        <v>227</v>
      </c>
      <c r="J36" s="16" t="s">
        <v>227</v>
      </c>
      <c r="K36" s="16" t="s">
        <v>226</v>
      </c>
      <c r="L36" s="16" t="s">
        <v>227</v>
      </c>
      <c r="M36" s="16" t="s">
        <v>227</v>
      </c>
      <c r="N36" s="16" t="s">
        <v>227</v>
      </c>
      <c r="O36" s="16" t="s">
        <v>228</v>
      </c>
      <c r="P36" s="16" t="s">
        <v>229</v>
      </c>
      <c r="Q36" s="16" t="s">
        <v>226</v>
      </c>
      <c r="R36" s="21" t="s">
        <v>516</v>
      </c>
      <c r="S36" s="21" t="s">
        <v>516</v>
      </c>
      <c r="T36" s="21" t="s">
        <v>549</v>
      </c>
    </row>
    <row r="37" spans="1:20" ht="39" customHeight="1" x14ac:dyDescent="0.2">
      <c r="A37" s="19">
        <v>32</v>
      </c>
      <c r="B37" s="23" t="s">
        <v>349</v>
      </c>
      <c r="C37" s="15" t="s">
        <v>387</v>
      </c>
      <c r="D37" s="15" t="s">
        <v>469</v>
      </c>
      <c r="E37" s="19" t="s">
        <v>96</v>
      </c>
      <c r="F37" s="19"/>
      <c r="G37" s="16" t="s">
        <v>310</v>
      </c>
      <c r="H37" s="16" t="s">
        <v>309</v>
      </c>
      <c r="I37" s="16" t="s">
        <v>309</v>
      </c>
      <c r="J37" s="16" t="s">
        <v>310</v>
      </c>
      <c r="K37" s="16" t="s">
        <v>310</v>
      </c>
      <c r="L37" s="16" t="s">
        <v>212</v>
      </c>
      <c r="M37" s="16" t="s">
        <v>212</v>
      </c>
      <c r="N37" s="16" t="s">
        <v>212</v>
      </c>
      <c r="O37" s="16" t="s">
        <v>308</v>
      </c>
      <c r="P37" s="16" t="s">
        <v>313</v>
      </c>
      <c r="Q37" s="16" t="s">
        <v>310</v>
      </c>
      <c r="R37" s="21" t="s">
        <v>516</v>
      </c>
      <c r="S37" s="21" t="s">
        <v>516</v>
      </c>
      <c r="T37" s="21" t="s">
        <v>561</v>
      </c>
    </row>
    <row r="38" spans="1:20" ht="39" customHeight="1" x14ac:dyDescent="0.2">
      <c r="A38" s="19">
        <v>33</v>
      </c>
      <c r="B38" s="23" t="s">
        <v>349</v>
      </c>
      <c r="C38" s="18" t="s">
        <v>388</v>
      </c>
      <c r="D38" s="18" t="s">
        <v>216</v>
      </c>
      <c r="E38" s="15" t="s">
        <v>576</v>
      </c>
      <c r="F38" s="19"/>
      <c r="G38" s="16" t="s">
        <v>211</v>
      </c>
      <c r="H38" s="16" t="s">
        <v>212</v>
      </c>
      <c r="I38" s="16" t="s">
        <v>212</v>
      </c>
      <c r="J38" s="16" t="s">
        <v>211</v>
      </c>
      <c r="K38" s="16" t="s">
        <v>211</v>
      </c>
      <c r="L38" s="16" t="s">
        <v>211</v>
      </c>
      <c r="M38" s="16" t="s">
        <v>211</v>
      </c>
      <c r="N38" s="16" t="s">
        <v>212</v>
      </c>
      <c r="O38" s="16" t="s">
        <v>213</v>
      </c>
      <c r="P38" s="16" t="s">
        <v>215</v>
      </c>
      <c r="Q38" s="16" t="s">
        <v>211</v>
      </c>
      <c r="R38" s="21" t="s">
        <v>516</v>
      </c>
      <c r="S38" s="21" t="s">
        <v>516</v>
      </c>
      <c r="T38" s="21" t="s">
        <v>561</v>
      </c>
    </row>
    <row r="39" spans="1:20" ht="151.19999999999999" customHeight="1" x14ac:dyDescent="0.2">
      <c r="A39" s="19">
        <v>34</v>
      </c>
      <c r="B39" s="20" t="s">
        <v>44</v>
      </c>
      <c r="C39" s="18" t="s">
        <v>389</v>
      </c>
      <c r="D39" s="18" t="s">
        <v>470</v>
      </c>
      <c r="E39" s="15" t="s">
        <v>627</v>
      </c>
      <c r="F39" s="16" t="s">
        <v>628</v>
      </c>
      <c r="G39" s="16" t="s">
        <v>211</v>
      </c>
      <c r="H39" s="16" t="s">
        <v>211</v>
      </c>
      <c r="I39" s="16" t="s">
        <v>211</v>
      </c>
      <c r="J39" s="16" t="s">
        <v>211</v>
      </c>
      <c r="K39" s="17" t="s">
        <v>211</v>
      </c>
      <c r="L39" s="17" t="s">
        <v>629</v>
      </c>
      <c r="M39" s="17" t="s">
        <v>630</v>
      </c>
      <c r="N39" s="16" t="s">
        <v>212</v>
      </c>
      <c r="O39" s="16" t="s">
        <v>217</v>
      </c>
      <c r="P39" s="16" t="s">
        <v>221</v>
      </c>
      <c r="Q39" s="16" t="s">
        <v>211</v>
      </c>
      <c r="R39" s="21" t="s">
        <v>516</v>
      </c>
      <c r="S39" s="21" t="s">
        <v>517</v>
      </c>
      <c r="T39" s="21" t="s">
        <v>572</v>
      </c>
    </row>
    <row r="40" spans="1:20" ht="39" customHeight="1" x14ac:dyDescent="0.2">
      <c r="A40" s="22">
        <v>35</v>
      </c>
      <c r="B40" s="19" t="s">
        <v>84</v>
      </c>
      <c r="C40" s="15" t="s">
        <v>390</v>
      </c>
      <c r="D40" s="15" t="s">
        <v>83</v>
      </c>
      <c r="E40" s="19" t="s">
        <v>82</v>
      </c>
      <c r="F40" s="19"/>
      <c r="G40" s="16" t="s">
        <v>211</v>
      </c>
      <c r="H40" s="16" t="s">
        <v>212</v>
      </c>
      <c r="I40" s="16" t="s">
        <v>212</v>
      </c>
      <c r="J40" s="16" t="s">
        <v>211</v>
      </c>
      <c r="K40" s="16" t="s">
        <v>212</v>
      </c>
      <c r="L40" s="16" t="s">
        <v>212</v>
      </c>
      <c r="M40" s="16" t="s">
        <v>212</v>
      </c>
      <c r="N40" s="16" t="s">
        <v>212</v>
      </c>
      <c r="O40" s="16" t="s">
        <v>213</v>
      </c>
      <c r="P40" s="16" t="s">
        <v>214</v>
      </c>
      <c r="Q40" s="16" t="s">
        <v>212</v>
      </c>
      <c r="R40" s="21" t="s">
        <v>549</v>
      </c>
      <c r="S40" s="21" t="s">
        <v>549</v>
      </c>
      <c r="T40" s="21" t="s">
        <v>549</v>
      </c>
    </row>
    <row r="41" spans="1:20" ht="129.6" x14ac:dyDescent="0.2">
      <c r="A41" s="19">
        <v>36</v>
      </c>
      <c r="B41" s="20" t="s">
        <v>53</v>
      </c>
      <c r="C41" s="18" t="s">
        <v>391</v>
      </c>
      <c r="D41" s="18" t="s">
        <v>632</v>
      </c>
      <c r="E41" s="15" t="s">
        <v>598</v>
      </c>
      <c r="F41" s="16"/>
      <c r="G41" s="16" t="s">
        <v>226</v>
      </c>
      <c r="H41" s="16" t="s">
        <v>226</v>
      </c>
      <c r="I41" s="16" t="s">
        <v>226</v>
      </c>
      <c r="J41" s="16" t="s">
        <v>226</v>
      </c>
      <c r="K41" s="16" t="s">
        <v>226</v>
      </c>
      <c r="L41" s="16" t="s">
        <v>226</v>
      </c>
      <c r="M41" s="16" t="s">
        <v>226</v>
      </c>
      <c r="N41" s="16" t="s">
        <v>227</v>
      </c>
      <c r="O41" s="16" t="s">
        <v>223</v>
      </c>
      <c r="P41" s="16" t="s">
        <v>229</v>
      </c>
      <c r="Q41" s="16" t="s">
        <v>227</v>
      </c>
      <c r="R41" s="21" t="s">
        <v>517</v>
      </c>
      <c r="S41" s="21" t="s">
        <v>516</v>
      </c>
      <c r="T41" s="21" t="s">
        <v>561</v>
      </c>
    </row>
    <row r="42" spans="1:20" ht="68.400000000000006" customHeight="1" x14ac:dyDescent="0.2">
      <c r="A42" s="19">
        <v>37</v>
      </c>
      <c r="B42" s="20" t="s">
        <v>81</v>
      </c>
      <c r="C42" s="18" t="s">
        <v>392</v>
      </c>
      <c r="D42" s="18" t="s">
        <v>471</v>
      </c>
      <c r="E42" s="15" t="s">
        <v>583</v>
      </c>
      <c r="F42" s="16" t="s">
        <v>254</v>
      </c>
      <c r="G42" s="16" t="s">
        <v>226</v>
      </c>
      <c r="H42" s="16" t="s">
        <v>226</v>
      </c>
      <c r="I42" s="16" t="s">
        <v>227</v>
      </c>
      <c r="J42" s="16" t="s">
        <v>226</v>
      </c>
      <c r="K42" s="17" t="s">
        <v>251</v>
      </c>
      <c r="L42" s="17" t="s">
        <v>252</v>
      </c>
      <c r="M42" s="16" t="s">
        <v>227</v>
      </c>
      <c r="N42" s="16" t="s">
        <v>227</v>
      </c>
      <c r="O42" s="16" t="s">
        <v>228</v>
      </c>
      <c r="P42" s="16" t="s">
        <v>229</v>
      </c>
      <c r="Q42" s="17" t="s">
        <v>253</v>
      </c>
      <c r="R42" s="21" t="s">
        <v>214</v>
      </c>
      <c r="S42" s="21" t="s">
        <v>214</v>
      </c>
      <c r="T42" s="21" t="s">
        <v>561</v>
      </c>
    </row>
    <row r="43" spans="1:20" ht="117" customHeight="1" x14ac:dyDescent="0.2">
      <c r="A43" s="19">
        <v>38</v>
      </c>
      <c r="B43" s="20" t="s">
        <v>42</v>
      </c>
      <c r="C43" s="18" t="s">
        <v>393</v>
      </c>
      <c r="D43" s="18" t="s">
        <v>569</v>
      </c>
      <c r="E43" s="15" t="s">
        <v>570</v>
      </c>
      <c r="F43" s="16" t="s">
        <v>266</v>
      </c>
      <c r="G43" s="16" t="s">
        <v>211</v>
      </c>
      <c r="H43" s="16" t="s">
        <v>211</v>
      </c>
      <c r="I43" s="16" t="s">
        <v>211</v>
      </c>
      <c r="J43" s="16" t="s">
        <v>211</v>
      </c>
      <c r="K43" s="16" t="s">
        <v>211</v>
      </c>
      <c r="L43" s="16" t="s">
        <v>211</v>
      </c>
      <c r="M43" s="16" t="s">
        <v>211</v>
      </c>
      <c r="N43" s="16" t="s">
        <v>212</v>
      </c>
      <c r="O43" s="16" t="s">
        <v>217</v>
      </c>
      <c r="P43" s="16" t="s">
        <v>214</v>
      </c>
      <c r="Q43" s="16" t="s">
        <v>211</v>
      </c>
      <c r="R43" s="21" t="s">
        <v>516</v>
      </c>
      <c r="S43" s="21" t="s">
        <v>516</v>
      </c>
      <c r="T43" s="21" t="s">
        <v>561</v>
      </c>
    </row>
    <row r="44" spans="1:20" ht="50.4" customHeight="1" x14ac:dyDescent="0.2">
      <c r="A44" s="22">
        <v>39</v>
      </c>
      <c r="B44" s="20" t="s">
        <v>8</v>
      </c>
      <c r="C44" s="18" t="s">
        <v>394</v>
      </c>
      <c r="D44" s="18" t="s">
        <v>472</v>
      </c>
      <c r="E44" s="19" t="s">
        <v>7</v>
      </c>
      <c r="F44" s="19"/>
      <c r="G44" s="16" t="s">
        <v>327</v>
      </c>
      <c r="H44" s="16" t="s">
        <v>327</v>
      </c>
      <c r="I44" s="16" t="s">
        <v>327</v>
      </c>
      <c r="J44" s="16" t="s">
        <v>238</v>
      </c>
      <c r="K44" s="16" t="s">
        <v>211</v>
      </c>
      <c r="L44" s="16" t="s">
        <v>327</v>
      </c>
      <c r="M44" s="16" t="s">
        <v>327</v>
      </c>
      <c r="N44" s="16" t="s">
        <v>327</v>
      </c>
      <c r="O44" s="16" t="s">
        <v>328</v>
      </c>
      <c r="P44" s="16" t="s">
        <v>329</v>
      </c>
      <c r="Q44" s="16" t="s">
        <v>327</v>
      </c>
      <c r="R44" s="21" t="s">
        <v>549</v>
      </c>
      <c r="S44" s="21" t="s">
        <v>549</v>
      </c>
      <c r="T44" s="21" t="s">
        <v>549</v>
      </c>
    </row>
    <row r="45" spans="1:20" ht="38.4" customHeight="1" x14ac:dyDescent="0.2">
      <c r="A45" s="19">
        <v>40</v>
      </c>
      <c r="B45" s="19" t="s">
        <v>88</v>
      </c>
      <c r="C45" s="15" t="s">
        <v>395</v>
      </c>
      <c r="D45" s="15" t="s">
        <v>473</v>
      </c>
      <c r="E45" s="19" t="s">
        <v>87</v>
      </c>
      <c r="F45" s="16" t="s">
        <v>298</v>
      </c>
      <c r="G45" s="16" t="s">
        <v>292</v>
      </c>
      <c r="H45" s="16" t="s">
        <v>292</v>
      </c>
      <c r="I45" s="16" t="s">
        <v>293</v>
      </c>
      <c r="J45" s="16" t="s">
        <v>293</v>
      </c>
      <c r="K45" s="16" t="s">
        <v>292</v>
      </c>
      <c r="L45" s="16" t="s">
        <v>293</v>
      </c>
      <c r="M45" s="16" t="s">
        <v>293</v>
      </c>
      <c r="N45" s="16" t="s">
        <v>293</v>
      </c>
      <c r="O45" s="16" t="s">
        <v>294</v>
      </c>
      <c r="P45" s="16" t="s">
        <v>295</v>
      </c>
      <c r="Q45" s="16" t="s">
        <v>293</v>
      </c>
      <c r="R45" s="21" t="s">
        <v>516</v>
      </c>
      <c r="S45" s="21" t="s">
        <v>516</v>
      </c>
      <c r="T45" s="21" t="s">
        <v>561</v>
      </c>
    </row>
    <row r="46" spans="1:20" ht="38.4" customHeight="1" x14ac:dyDescent="0.2">
      <c r="A46" s="22">
        <v>41</v>
      </c>
      <c r="B46" s="19" t="s">
        <v>130</v>
      </c>
      <c r="C46" s="15" t="s">
        <v>396</v>
      </c>
      <c r="D46" s="15" t="s">
        <v>474</v>
      </c>
      <c r="E46" s="19" t="s">
        <v>129</v>
      </c>
      <c r="F46" s="16" t="s">
        <v>233</v>
      </c>
      <c r="G46" s="16" t="s">
        <v>226</v>
      </c>
      <c r="H46" s="16" t="s">
        <v>226</v>
      </c>
      <c r="I46" s="16" t="s">
        <v>226</v>
      </c>
      <c r="J46" s="16" t="s">
        <v>226</v>
      </c>
      <c r="K46" s="16" t="s">
        <v>226</v>
      </c>
      <c r="L46" s="16" t="s">
        <v>226</v>
      </c>
      <c r="M46" s="16" t="s">
        <v>226</v>
      </c>
      <c r="N46" s="16" t="s">
        <v>227</v>
      </c>
      <c r="O46" s="16" t="s">
        <v>223</v>
      </c>
      <c r="P46" s="16" t="s">
        <v>224</v>
      </c>
      <c r="Q46" s="16" t="s">
        <v>226</v>
      </c>
      <c r="R46" s="21" t="s">
        <v>221</v>
      </c>
      <c r="S46" s="16" t="s">
        <v>221</v>
      </c>
      <c r="T46" s="21" t="s">
        <v>561</v>
      </c>
    </row>
    <row r="47" spans="1:20" ht="49.8" customHeight="1" x14ac:dyDescent="0.2">
      <c r="A47" s="19">
        <v>42</v>
      </c>
      <c r="B47" s="20" t="s">
        <v>86</v>
      </c>
      <c r="C47" s="18" t="s">
        <v>397</v>
      </c>
      <c r="D47" s="18" t="s">
        <v>475</v>
      </c>
      <c r="E47" s="15" t="s">
        <v>622</v>
      </c>
      <c r="F47" s="16" t="s">
        <v>623</v>
      </c>
      <c r="G47" s="16" t="s">
        <v>226</v>
      </c>
      <c r="H47" s="16" t="s">
        <v>226</v>
      </c>
      <c r="I47" s="16" t="s">
        <v>226</v>
      </c>
      <c r="J47" s="16" t="s">
        <v>211</v>
      </c>
      <c r="K47" s="17" t="s">
        <v>211</v>
      </c>
      <c r="L47" s="17" t="s">
        <v>211</v>
      </c>
      <c r="M47" s="16" t="s">
        <v>226</v>
      </c>
      <c r="N47" s="16" t="s">
        <v>212</v>
      </c>
      <c r="O47" s="16" t="s">
        <v>223</v>
      </c>
      <c r="P47" s="16" t="s">
        <v>214</v>
      </c>
      <c r="Q47" s="17" t="s">
        <v>270</v>
      </c>
      <c r="R47" s="21" t="s">
        <v>516</v>
      </c>
      <c r="S47" s="21" t="s">
        <v>516</v>
      </c>
      <c r="T47" s="24" t="s">
        <v>584</v>
      </c>
    </row>
    <row r="48" spans="1:20" ht="44.4" customHeight="1" x14ac:dyDescent="0.2">
      <c r="A48" s="19">
        <v>43</v>
      </c>
      <c r="B48" s="16" t="s">
        <v>128</v>
      </c>
      <c r="C48" s="18" t="s">
        <v>398</v>
      </c>
      <c r="D48" s="18" t="s">
        <v>127</v>
      </c>
      <c r="E48" s="15" t="s">
        <v>631</v>
      </c>
      <c r="F48" s="16"/>
      <c r="G48" s="16" t="s">
        <v>211</v>
      </c>
      <c r="H48" s="16" t="s">
        <v>211</v>
      </c>
      <c r="I48" s="16" t="s">
        <v>211</v>
      </c>
      <c r="J48" s="17" t="s">
        <v>211</v>
      </c>
      <c r="K48" s="17" t="s">
        <v>211</v>
      </c>
      <c r="L48" s="17" t="s">
        <v>211</v>
      </c>
      <c r="M48" s="16" t="s">
        <v>211</v>
      </c>
      <c r="N48" s="17" t="s">
        <v>212</v>
      </c>
      <c r="O48" s="16" t="s">
        <v>217</v>
      </c>
      <c r="P48" s="17" t="s">
        <v>221</v>
      </c>
      <c r="Q48" s="16" t="s">
        <v>211</v>
      </c>
      <c r="R48" s="21" t="s">
        <v>516</v>
      </c>
      <c r="S48" s="21" t="s">
        <v>517</v>
      </c>
      <c r="T48" s="21" t="s">
        <v>561</v>
      </c>
    </row>
    <row r="49" spans="1:20" ht="38.4" customHeight="1" x14ac:dyDescent="0.2">
      <c r="A49" s="19">
        <v>44</v>
      </c>
      <c r="B49" s="20" t="s">
        <v>115</v>
      </c>
      <c r="C49" s="18" t="s">
        <v>399</v>
      </c>
      <c r="D49" s="18" t="s">
        <v>114</v>
      </c>
      <c r="E49" s="15" t="s">
        <v>333</v>
      </c>
      <c r="F49" s="16" t="s">
        <v>219</v>
      </c>
      <c r="G49" s="16" t="s">
        <v>211</v>
      </c>
      <c r="H49" s="16" t="s">
        <v>211</v>
      </c>
      <c r="I49" s="16" t="s">
        <v>211</v>
      </c>
      <c r="J49" s="16" t="s">
        <v>211</v>
      </c>
      <c r="K49" s="16" t="s">
        <v>211</v>
      </c>
      <c r="L49" s="16" t="s">
        <v>211</v>
      </c>
      <c r="M49" s="16" t="s">
        <v>211</v>
      </c>
      <c r="N49" s="16" t="s">
        <v>212</v>
      </c>
      <c r="O49" s="16" t="s">
        <v>213</v>
      </c>
      <c r="P49" s="16" t="s">
        <v>214</v>
      </c>
      <c r="Q49" s="16" t="s">
        <v>211</v>
      </c>
      <c r="R49" s="21" t="s">
        <v>214</v>
      </c>
      <c r="S49" s="21" t="s">
        <v>214</v>
      </c>
      <c r="T49" s="21" t="s">
        <v>561</v>
      </c>
    </row>
    <row r="50" spans="1:20" ht="23.4" x14ac:dyDescent="0.2">
      <c r="A50" s="34" t="s">
        <v>196</v>
      </c>
      <c r="B50" s="35"/>
      <c r="C50" s="35"/>
      <c r="D50" s="35"/>
      <c r="E50" s="35"/>
      <c r="F50" s="35"/>
      <c r="G50" s="35"/>
      <c r="H50" s="35"/>
      <c r="I50" s="35"/>
      <c r="J50" s="35"/>
      <c r="K50" s="35"/>
      <c r="L50" s="35"/>
      <c r="M50" s="35"/>
      <c r="N50" s="35"/>
      <c r="O50" s="35"/>
      <c r="P50" s="35"/>
      <c r="Q50" s="35"/>
      <c r="R50" s="35"/>
      <c r="S50" s="35"/>
      <c r="T50" s="36"/>
    </row>
    <row r="51" spans="1:20" ht="38.4" customHeight="1" x14ac:dyDescent="0.2">
      <c r="A51" s="19">
        <v>45</v>
      </c>
      <c r="B51" s="23" t="s">
        <v>103</v>
      </c>
      <c r="C51" s="18" t="s">
        <v>400</v>
      </c>
      <c r="D51" s="18" t="s">
        <v>191</v>
      </c>
      <c r="E51" s="15" t="s">
        <v>334</v>
      </c>
      <c r="F51" s="16"/>
      <c r="G51" s="16" t="s">
        <v>211</v>
      </c>
      <c r="H51" s="16" t="s">
        <v>211</v>
      </c>
      <c r="I51" s="16" t="s">
        <v>211</v>
      </c>
      <c r="J51" s="16" t="s">
        <v>211</v>
      </c>
      <c r="K51" s="16" t="s">
        <v>211</v>
      </c>
      <c r="L51" s="16" t="s">
        <v>211</v>
      </c>
      <c r="M51" s="16" t="s">
        <v>211</v>
      </c>
      <c r="N51" s="16" t="s">
        <v>212</v>
      </c>
      <c r="O51" s="16" t="s">
        <v>213</v>
      </c>
      <c r="P51" s="16" t="s">
        <v>214</v>
      </c>
      <c r="Q51" s="16" t="s">
        <v>211</v>
      </c>
      <c r="R51" s="21" t="s">
        <v>214</v>
      </c>
      <c r="S51" s="21" t="s">
        <v>214</v>
      </c>
      <c r="T51" s="21" t="s">
        <v>572</v>
      </c>
    </row>
    <row r="52" spans="1:20" ht="37.799999999999997" customHeight="1" x14ac:dyDescent="0.2">
      <c r="A52" s="19">
        <v>46</v>
      </c>
      <c r="B52" s="23" t="s">
        <v>103</v>
      </c>
      <c r="C52" s="15" t="s">
        <v>401</v>
      </c>
      <c r="D52" s="15" t="s">
        <v>476</v>
      </c>
      <c r="E52" s="19" t="s">
        <v>612</v>
      </c>
      <c r="F52" s="16" t="s">
        <v>305</v>
      </c>
      <c r="G52" s="16" t="s">
        <v>301</v>
      </c>
      <c r="H52" s="16" t="s">
        <v>238</v>
      </c>
      <c r="I52" s="16" t="s">
        <v>302</v>
      </c>
      <c r="J52" s="16" t="s">
        <v>238</v>
      </c>
      <c r="K52" s="16" t="s">
        <v>302</v>
      </c>
      <c r="L52" s="16" t="s">
        <v>302</v>
      </c>
      <c r="M52" s="16" t="s">
        <v>302</v>
      </c>
      <c r="N52" s="16" t="s">
        <v>302</v>
      </c>
      <c r="O52" s="16" t="s">
        <v>303</v>
      </c>
      <c r="P52" s="16" t="s">
        <v>304</v>
      </c>
      <c r="Q52" s="16" t="s">
        <v>238</v>
      </c>
      <c r="R52" s="21" t="s">
        <v>516</v>
      </c>
      <c r="S52" s="21" t="s">
        <v>516</v>
      </c>
      <c r="T52" s="21" t="s">
        <v>561</v>
      </c>
    </row>
    <row r="53" spans="1:20" ht="87" customHeight="1" x14ac:dyDescent="0.2">
      <c r="A53" s="19">
        <v>47</v>
      </c>
      <c r="B53" s="23" t="s">
        <v>533</v>
      </c>
      <c r="C53" s="15" t="s">
        <v>534</v>
      </c>
      <c r="D53" s="15" t="s">
        <v>535</v>
      </c>
      <c r="E53" s="15" t="s">
        <v>603</v>
      </c>
      <c r="F53" s="21" t="s">
        <v>539</v>
      </c>
      <c r="G53" s="16" t="s">
        <v>526</v>
      </c>
      <c r="H53" s="17" t="s">
        <v>536</v>
      </c>
      <c r="I53" s="17" t="s">
        <v>536</v>
      </c>
      <c r="J53" s="17" t="s">
        <v>537</v>
      </c>
      <c r="K53" s="16" t="s">
        <v>526</v>
      </c>
      <c r="L53" s="17" t="s">
        <v>536</v>
      </c>
      <c r="M53" s="16" t="s">
        <v>238</v>
      </c>
      <c r="N53" s="16" t="s">
        <v>527</v>
      </c>
      <c r="O53" s="16" t="s">
        <v>538</v>
      </c>
      <c r="P53" s="16" t="s">
        <v>214</v>
      </c>
      <c r="Q53" s="16" t="s">
        <v>526</v>
      </c>
      <c r="R53" s="21" t="s">
        <v>516</v>
      </c>
      <c r="S53" s="21" t="s">
        <v>517</v>
      </c>
      <c r="T53" s="21" t="s">
        <v>561</v>
      </c>
    </row>
    <row r="54" spans="1:20" ht="121.2" customHeight="1" x14ac:dyDescent="0.2">
      <c r="A54" s="19">
        <v>48</v>
      </c>
      <c r="B54" s="20" t="s">
        <v>118</v>
      </c>
      <c r="C54" s="18" t="s">
        <v>402</v>
      </c>
      <c r="D54" s="18" t="s">
        <v>477</v>
      </c>
      <c r="E54" s="15" t="s">
        <v>562</v>
      </c>
      <c r="F54" s="16" t="s">
        <v>264</v>
      </c>
      <c r="G54" s="17" t="s">
        <v>262</v>
      </c>
      <c r="H54" s="16" t="s">
        <v>226</v>
      </c>
      <c r="I54" s="16" t="s">
        <v>226</v>
      </c>
      <c r="J54" s="17" t="s">
        <v>263</v>
      </c>
      <c r="K54" s="16" t="s">
        <v>226</v>
      </c>
      <c r="L54" s="16" t="s">
        <v>226</v>
      </c>
      <c r="M54" s="16" t="s">
        <v>226</v>
      </c>
      <c r="N54" s="16" t="s">
        <v>227</v>
      </c>
      <c r="O54" s="17" t="s">
        <v>531</v>
      </c>
      <c r="P54" s="17" t="s">
        <v>300</v>
      </c>
      <c r="Q54" s="16" t="s">
        <v>226</v>
      </c>
      <c r="R54" s="21" t="s">
        <v>516</v>
      </c>
      <c r="S54" s="21" t="s">
        <v>516</v>
      </c>
      <c r="T54" s="21" t="s">
        <v>561</v>
      </c>
    </row>
    <row r="55" spans="1:20" ht="84.6" customHeight="1" x14ac:dyDescent="0.2">
      <c r="A55" s="19">
        <v>49</v>
      </c>
      <c r="B55" s="20" t="s">
        <v>51</v>
      </c>
      <c r="C55" s="18" t="s">
        <v>403</v>
      </c>
      <c r="D55" s="18" t="s">
        <v>478</v>
      </c>
      <c r="E55" s="15" t="s">
        <v>613</v>
      </c>
      <c r="F55" s="16"/>
      <c r="G55" s="17" t="s">
        <v>289</v>
      </c>
      <c r="H55" s="17" t="s">
        <v>290</v>
      </c>
      <c r="I55" s="17" t="s">
        <v>290</v>
      </c>
      <c r="J55" s="16" t="s">
        <v>238</v>
      </c>
      <c r="K55" s="16" t="s">
        <v>238</v>
      </c>
      <c r="L55" s="17" t="s">
        <v>290</v>
      </c>
      <c r="M55" s="16" t="s">
        <v>238</v>
      </c>
      <c r="N55" s="16" t="s">
        <v>273</v>
      </c>
      <c r="O55" s="17" t="s">
        <v>360</v>
      </c>
      <c r="P55" s="16" t="s">
        <v>214</v>
      </c>
      <c r="Q55" s="16" t="s">
        <v>238</v>
      </c>
      <c r="R55" s="21" t="s">
        <v>516</v>
      </c>
      <c r="S55" s="21" t="s">
        <v>517</v>
      </c>
      <c r="T55" s="21" t="s">
        <v>561</v>
      </c>
    </row>
    <row r="56" spans="1:20" ht="39.6" customHeight="1" x14ac:dyDescent="0.2">
      <c r="A56" s="19">
        <v>50</v>
      </c>
      <c r="B56" s="20" t="s">
        <v>170</v>
      </c>
      <c r="C56" s="18" t="s">
        <v>404</v>
      </c>
      <c r="D56" s="18" t="s">
        <v>169</v>
      </c>
      <c r="E56" s="15" t="s">
        <v>529</v>
      </c>
      <c r="F56" s="16" t="s">
        <v>530</v>
      </c>
      <c r="G56" s="16" t="s">
        <v>211</v>
      </c>
      <c r="H56" s="16" t="s">
        <v>211</v>
      </c>
      <c r="I56" s="16" t="s">
        <v>211</v>
      </c>
      <c r="J56" s="16" t="s">
        <v>211</v>
      </c>
      <c r="K56" s="16" t="s">
        <v>211</v>
      </c>
      <c r="L56" s="16" t="s">
        <v>211</v>
      </c>
      <c r="M56" s="16" t="s">
        <v>211</v>
      </c>
      <c r="N56" s="16" t="s">
        <v>212</v>
      </c>
      <c r="O56" s="16" t="s">
        <v>217</v>
      </c>
      <c r="P56" s="16" t="s">
        <v>221</v>
      </c>
      <c r="Q56" s="16" t="s">
        <v>211</v>
      </c>
      <c r="R56" s="21" t="s">
        <v>516</v>
      </c>
      <c r="S56" s="21" t="s">
        <v>517</v>
      </c>
      <c r="T56" s="21" t="s">
        <v>549</v>
      </c>
    </row>
    <row r="57" spans="1:20" ht="51" customHeight="1" x14ac:dyDescent="0.2">
      <c r="A57" s="19">
        <v>51</v>
      </c>
      <c r="B57" s="16" t="s">
        <v>132</v>
      </c>
      <c r="C57" s="18" t="s">
        <v>405</v>
      </c>
      <c r="D57" s="18" t="s">
        <v>131</v>
      </c>
      <c r="E57" s="15" t="s">
        <v>335</v>
      </c>
      <c r="F57" s="16"/>
      <c r="G57" s="16" t="s">
        <v>226</v>
      </c>
      <c r="H57" s="16" t="s">
        <v>226</v>
      </c>
      <c r="I57" s="16" t="s">
        <v>226</v>
      </c>
      <c r="J57" s="16" t="s">
        <v>226</v>
      </c>
      <c r="K57" s="16" t="s">
        <v>226</v>
      </c>
      <c r="L57" s="16" t="s">
        <v>226</v>
      </c>
      <c r="M57" s="16" t="s">
        <v>226</v>
      </c>
      <c r="N57" s="16" t="s">
        <v>227</v>
      </c>
      <c r="O57" s="16" t="s">
        <v>228</v>
      </c>
      <c r="P57" s="16" t="s">
        <v>229</v>
      </c>
      <c r="Q57" s="16" t="s">
        <v>226</v>
      </c>
      <c r="R57" s="21" t="s">
        <v>516</v>
      </c>
      <c r="S57" s="21" t="s">
        <v>516</v>
      </c>
      <c r="T57" s="21" t="s">
        <v>549</v>
      </c>
    </row>
    <row r="58" spans="1:20" ht="39.6" customHeight="1" x14ac:dyDescent="0.2">
      <c r="A58" s="19">
        <v>52</v>
      </c>
      <c r="B58" s="16" t="s">
        <v>350</v>
      </c>
      <c r="C58" s="15" t="s">
        <v>406</v>
      </c>
      <c r="D58" s="15" t="s">
        <v>161</v>
      </c>
      <c r="E58" s="19" t="s">
        <v>160</v>
      </c>
      <c r="F58" s="19"/>
      <c r="G58" s="16" t="s">
        <v>226</v>
      </c>
      <c r="H58" s="16" t="s">
        <v>227</v>
      </c>
      <c r="I58" s="16" t="s">
        <v>227</v>
      </c>
      <c r="J58" s="16" t="s">
        <v>226</v>
      </c>
      <c r="K58" s="16" t="s">
        <v>227</v>
      </c>
      <c r="L58" s="16" t="s">
        <v>227</v>
      </c>
      <c r="M58" s="16" t="s">
        <v>227</v>
      </c>
      <c r="N58" s="16" t="s">
        <v>227</v>
      </c>
      <c r="O58" s="16" t="s">
        <v>256</v>
      </c>
      <c r="P58" s="16" t="s">
        <v>229</v>
      </c>
      <c r="Q58" s="16" t="s">
        <v>227</v>
      </c>
      <c r="R58" s="21" t="s">
        <v>214</v>
      </c>
      <c r="S58" s="21" t="s">
        <v>214</v>
      </c>
      <c r="T58" s="21" t="s">
        <v>561</v>
      </c>
    </row>
    <row r="59" spans="1:20" ht="39.6" customHeight="1" x14ac:dyDescent="0.2">
      <c r="A59" s="19">
        <v>53</v>
      </c>
      <c r="B59" s="19" t="s">
        <v>102</v>
      </c>
      <c r="C59" s="15" t="s">
        <v>407</v>
      </c>
      <c r="D59" s="15" t="s">
        <v>141</v>
      </c>
      <c r="E59" s="19" t="s">
        <v>140</v>
      </c>
      <c r="F59" s="16" t="s">
        <v>257</v>
      </c>
      <c r="G59" s="16" t="s">
        <v>226</v>
      </c>
      <c r="H59" s="16" t="s">
        <v>227</v>
      </c>
      <c r="I59" s="16" t="s">
        <v>227</v>
      </c>
      <c r="J59" s="16" t="s">
        <v>227</v>
      </c>
      <c r="K59" s="16" t="s">
        <v>227</v>
      </c>
      <c r="L59" s="16" t="s">
        <v>227</v>
      </c>
      <c r="M59" s="16" t="s">
        <v>227</v>
      </c>
      <c r="N59" s="16" t="s">
        <v>227</v>
      </c>
      <c r="O59" s="16" t="s">
        <v>256</v>
      </c>
      <c r="P59" s="16" t="s">
        <v>229</v>
      </c>
      <c r="Q59" s="16" t="s">
        <v>227</v>
      </c>
      <c r="R59" s="21" t="s">
        <v>214</v>
      </c>
      <c r="S59" s="21" t="s">
        <v>214</v>
      </c>
      <c r="T59" s="21" t="s">
        <v>549</v>
      </c>
    </row>
    <row r="60" spans="1:20" ht="51" customHeight="1" x14ac:dyDescent="0.2">
      <c r="A60" s="19">
        <v>54</v>
      </c>
      <c r="B60" s="20" t="s">
        <v>122</v>
      </c>
      <c r="C60" s="18" t="s">
        <v>408</v>
      </c>
      <c r="D60" s="18" t="s">
        <v>479</v>
      </c>
      <c r="E60" s="15" t="s">
        <v>532</v>
      </c>
      <c r="F60" s="16" t="s">
        <v>291</v>
      </c>
      <c r="G60" s="16" t="s">
        <v>238</v>
      </c>
      <c r="H60" s="16" t="s">
        <v>238</v>
      </c>
      <c r="I60" s="16" t="s">
        <v>238</v>
      </c>
      <c r="J60" s="16" t="s">
        <v>238</v>
      </c>
      <c r="K60" s="16" t="s">
        <v>238</v>
      </c>
      <c r="L60" s="16" t="s">
        <v>238</v>
      </c>
      <c r="M60" s="16" t="s">
        <v>238</v>
      </c>
      <c r="N60" s="16" t="s">
        <v>273</v>
      </c>
      <c r="O60" s="16" t="s">
        <v>274</v>
      </c>
      <c r="P60" s="16" t="s">
        <v>284</v>
      </c>
      <c r="Q60" s="16" t="s">
        <v>238</v>
      </c>
      <c r="R60" s="21" t="s">
        <v>516</v>
      </c>
      <c r="S60" s="21" t="s">
        <v>516</v>
      </c>
      <c r="T60" s="21" t="s">
        <v>561</v>
      </c>
    </row>
    <row r="61" spans="1:20" ht="68.400000000000006" customHeight="1" x14ac:dyDescent="0.2">
      <c r="A61" s="19">
        <v>55</v>
      </c>
      <c r="B61" s="20" t="s">
        <v>154</v>
      </c>
      <c r="C61" s="18" t="s">
        <v>409</v>
      </c>
      <c r="D61" s="18" t="s">
        <v>620</v>
      </c>
      <c r="E61" s="15" t="s">
        <v>621</v>
      </c>
      <c r="F61" s="16" t="s">
        <v>237</v>
      </c>
      <c r="G61" s="16" t="s">
        <v>238</v>
      </c>
      <c r="H61" s="16" t="s">
        <v>238</v>
      </c>
      <c r="I61" s="16" t="s">
        <v>238</v>
      </c>
      <c r="J61" s="16" t="s">
        <v>238</v>
      </c>
      <c r="K61" s="16" t="s">
        <v>238</v>
      </c>
      <c r="L61" s="16" t="s">
        <v>238</v>
      </c>
      <c r="M61" s="16" t="s">
        <v>238</v>
      </c>
      <c r="N61" s="16" t="s">
        <v>227</v>
      </c>
      <c r="O61" s="16" t="s">
        <v>217</v>
      </c>
      <c r="P61" s="16" t="s">
        <v>229</v>
      </c>
      <c r="Q61" s="16" t="s">
        <v>226</v>
      </c>
      <c r="R61" s="21" t="s">
        <v>516</v>
      </c>
      <c r="S61" s="21" t="s">
        <v>221</v>
      </c>
      <c r="T61" s="21" t="s">
        <v>561</v>
      </c>
    </row>
    <row r="62" spans="1:20" ht="87.6" customHeight="1" x14ac:dyDescent="0.2">
      <c r="A62" s="22">
        <v>56</v>
      </c>
      <c r="B62" s="20" t="s">
        <v>46</v>
      </c>
      <c r="C62" s="18" t="s">
        <v>410</v>
      </c>
      <c r="D62" s="18" t="s">
        <v>45</v>
      </c>
      <c r="E62" s="15" t="s">
        <v>336</v>
      </c>
      <c r="F62" s="16" t="s">
        <v>235</v>
      </c>
      <c r="G62" s="16" t="s">
        <v>226</v>
      </c>
      <c r="H62" s="16" t="s">
        <v>226</v>
      </c>
      <c r="I62" s="16" t="s">
        <v>226</v>
      </c>
      <c r="J62" s="16" t="s">
        <v>226</v>
      </c>
      <c r="K62" s="16" t="s">
        <v>226</v>
      </c>
      <c r="L62" s="16" t="s">
        <v>226</v>
      </c>
      <c r="M62" s="16" t="s">
        <v>226</v>
      </c>
      <c r="N62" s="16" t="s">
        <v>226</v>
      </c>
      <c r="O62" s="16" t="s">
        <v>223</v>
      </c>
      <c r="P62" s="16" t="s">
        <v>224</v>
      </c>
      <c r="Q62" s="16" t="s">
        <v>226</v>
      </c>
      <c r="R62" s="21" t="s">
        <v>549</v>
      </c>
      <c r="S62" s="21" t="s">
        <v>549</v>
      </c>
      <c r="T62" s="21" t="s">
        <v>549</v>
      </c>
    </row>
    <row r="63" spans="1:20" ht="51" customHeight="1" x14ac:dyDescent="0.2">
      <c r="A63" s="19">
        <v>57</v>
      </c>
      <c r="B63" s="19" t="s">
        <v>189</v>
      </c>
      <c r="C63" s="15" t="s">
        <v>411</v>
      </c>
      <c r="D63" s="15" t="s">
        <v>480</v>
      </c>
      <c r="E63" s="19" t="s">
        <v>188</v>
      </c>
      <c r="F63" s="19"/>
      <c r="G63" s="16" t="s">
        <v>226</v>
      </c>
      <c r="H63" s="16" t="s">
        <v>227</v>
      </c>
      <c r="I63" s="16" t="s">
        <v>227</v>
      </c>
      <c r="J63" s="16" t="s">
        <v>227</v>
      </c>
      <c r="K63" s="16" t="s">
        <v>227</v>
      </c>
      <c r="L63" s="16" t="s">
        <v>227</v>
      </c>
      <c r="M63" s="16" t="s">
        <v>227</v>
      </c>
      <c r="N63" s="16" t="s">
        <v>227</v>
      </c>
      <c r="O63" s="16" t="s">
        <v>228</v>
      </c>
      <c r="P63" s="16" t="s">
        <v>229</v>
      </c>
      <c r="Q63" s="16" t="s">
        <v>227</v>
      </c>
      <c r="R63" s="21" t="s">
        <v>214</v>
      </c>
      <c r="S63" s="21" t="s">
        <v>214</v>
      </c>
      <c r="T63" s="21" t="s">
        <v>549</v>
      </c>
    </row>
    <row r="64" spans="1:20" ht="260.39999999999998" customHeight="1" x14ac:dyDescent="0.2">
      <c r="A64" s="19">
        <v>58</v>
      </c>
      <c r="B64" s="20" t="s">
        <v>52</v>
      </c>
      <c r="C64" s="18" t="s">
        <v>412</v>
      </c>
      <c r="D64" s="18" t="s">
        <v>600</v>
      </c>
      <c r="E64" s="15" t="s">
        <v>601</v>
      </c>
      <c r="F64" s="16" t="s">
        <v>602</v>
      </c>
      <c r="G64" s="16" t="s">
        <v>292</v>
      </c>
      <c r="H64" s="16" t="s">
        <v>292</v>
      </c>
      <c r="I64" s="16" t="s">
        <v>292</v>
      </c>
      <c r="J64" s="16" t="s">
        <v>292</v>
      </c>
      <c r="K64" s="16" t="s">
        <v>292</v>
      </c>
      <c r="L64" s="16" t="s">
        <v>292</v>
      </c>
      <c r="M64" s="16" t="s">
        <v>292</v>
      </c>
      <c r="N64" s="16" t="s">
        <v>292</v>
      </c>
      <c r="O64" s="16" t="s">
        <v>296</v>
      </c>
      <c r="P64" s="16" t="s">
        <v>221</v>
      </c>
      <c r="Q64" s="16" t="s">
        <v>238</v>
      </c>
      <c r="R64" s="21" t="s">
        <v>214</v>
      </c>
      <c r="S64" s="21" t="s">
        <v>214</v>
      </c>
      <c r="T64" s="21" t="s">
        <v>561</v>
      </c>
    </row>
    <row r="65" spans="1:20" ht="37.799999999999997" customHeight="1" x14ac:dyDescent="0.2">
      <c r="A65" s="19">
        <v>59</v>
      </c>
      <c r="B65" s="19" t="s">
        <v>67</v>
      </c>
      <c r="C65" s="15" t="s">
        <v>413</v>
      </c>
      <c r="D65" s="15" t="s">
        <v>66</v>
      </c>
      <c r="E65" s="19" t="s">
        <v>65</v>
      </c>
      <c r="F65" s="16"/>
      <c r="G65" s="16" t="s">
        <v>211</v>
      </c>
      <c r="H65" s="16" t="s">
        <v>227</v>
      </c>
      <c r="I65" s="16" t="s">
        <v>227</v>
      </c>
      <c r="J65" s="16" t="s">
        <v>226</v>
      </c>
      <c r="K65" s="16" t="s">
        <v>226</v>
      </c>
      <c r="L65" s="16" t="s">
        <v>227</v>
      </c>
      <c r="M65" s="16" t="s">
        <v>227</v>
      </c>
      <c r="N65" s="16" t="s">
        <v>227</v>
      </c>
      <c r="O65" s="16" t="s">
        <v>213</v>
      </c>
      <c r="P65" s="16" t="s">
        <v>229</v>
      </c>
      <c r="Q65" s="16" t="s">
        <v>238</v>
      </c>
      <c r="R65" s="21" t="s">
        <v>516</v>
      </c>
      <c r="S65" s="21" t="s">
        <v>516</v>
      </c>
      <c r="T65" s="21" t="s">
        <v>561</v>
      </c>
    </row>
    <row r="66" spans="1:20" ht="49.8" customHeight="1" x14ac:dyDescent="0.2">
      <c r="A66" s="19">
        <v>60</v>
      </c>
      <c r="B66" s="19" t="s">
        <v>508</v>
      </c>
      <c r="C66" s="15" t="s">
        <v>509</v>
      </c>
      <c r="D66" s="15" t="s">
        <v>510</v>
      </c>
      <c r="E66" s="15" t="s">
        <v>582</v>
      </c>
      <c r="F66" s="19"/>
      <c r="G66" s="16" t="s">
        <v>511</v>
      </c>
      <c r="H66" s="16" t="s">
        <v>511</v>
      </c>
      <c r="I66" s="16" t="s">
        <v>511</v>
      </c>
      <c r="J66" s="16" t="s">
        <v>511</v>
      </c>
      <c r="K66" s="16" t="s">
        <v>511</v>
      </c>
      <c r="L66" s="16" t="s">
        <v>511</v>
      </c>
      <c r="M66" s="16" t="s">
        <v>511</v>
      </c>
      <c r="N66" s="16" t="s">
        <v>513</v>
      </c>
      <c r="O66" s="16" t="s">
        <v>512</v>
      </c>
      <c r="P66" s="16" t="s">
        <v>221</v>
      </c>
      <c r="Q66" s="16" t="s">
        <v>511</v>
      </c>
      <c r="R66" s="21" t="s">
        <v>516</v>
      </c>
      <c r="S66" s="21" t="s">
        <v>517</v>
      </c>
      <c r="T66" s="21" t="s">
        <v>561</v>
      </c>
    </row>
    <row r="67" spans="1:20" ht="39.6" customHeight="1" x14ac:dyDescent="0.2">
      <c r="A67" s="19">
        <v>61</v>
      </c>
      <c r="B67" s="19" t="s">
        <v>15</v>
      </c>
      <c r="C67" s="15" t="s">
        <v>414</v>
      </c>
      <c r="D67" s="15" t="s">
        <v>14</v>
      </c>
      <c r="E67" s="19" t="s">
        <v>13</v>
      </c>
      <c r="F67" s="19"/>
      <c r="G67" s="16" t="s">
        <v>292</v>
      </c>
      <c r="H67" s="16" t="s">
        <v>293</v>
      </c>
      <c r="I67" s="16" t="s">
        <v>293</v>
      </c>
      <c r="J67" s="16" t="s">
        <v>238</v>
      </c>
      <c r="K67" s="16" t="s">
        <v>238</v>
      </c>
      <c r="L67" s="16" t="s">
        <v>293</v>
      </c>
      <c r="M67" s="16" t="s">
        <v>293</v>
      </c>
      <c r="N67" s="16" t="s">
        <v>293</v>
      </c>
      <c r="O67" s="16" t="s">
        <v>294</v>
      </c>
      <c r="P67" s="16" t="s">
        <v>295</v>
      </c>
      <c r="Q67" s="16" t="s">
        <v>212</v>
      </c>
      <c r="R67" s="21" t="s">
        <v>516</v>
      </c>
      <c r="S67" s="21" t="s">
        <v>516</v>
      </c>
      <c r="T67" s="21" t="s">
        <v>549</v>
      </c>
    </row>
    <row r="68" spans="1:20" ht="81" x14ac:dyDescent="0.2">
      <c r="A68" s="19">
        <v>62</v>
      </c>
      <c r="B68" s="20" t="s">
        <v>133</v>
      </c>
      <c r="C68" s="18" t="s">
        <v>415</v>
      </c>
      <c r="D68" s="18" t="s">
        <v>481</v>
      </c>
      <c r="E68" s="15" t="s">
        <v>595</v>
      </c>
      <c r="F68" s="16" t="s">
        <v>255</v>
      </c>
      <c r="G68" s="16" t="s">
        <v>226</v>
      </c>
      <c r="H68" s="16" t="s">
        <v>226</v>
      </c>
      <c r="I68" s="16" t="s">
        <v>226</v>
      </c>
      <c r="J68" s="16" t="s">
        <v>226</v>
      </c>
      <c r="K68" s="16" t="s">
        <v>226</v>
      </c>
      <c r="L68" s="16" t="s">
        <v>226</v>
      </c>
      <c r="M68" s="16" t="s">
        <v>226</v>
      </c>
      <c r="N68" s="17" t="s">
        <v>212</v>
      </c>
      <c r="O68" s="16" t="s">
        <v>228</v>
      </c>
      <c r="P68" s="16" t="s">
        <v>221</v>
      </c>
      <c r="Q68" s="16" t="s">
        <v>226</v>
      </c>
      <c r="R68" s="21" t="s">
        <v>517</v>
      </c>
      <c r="S68" s="21" t="s">
        <v>517</v>
      </c>
      <c r="T68" s="21" t="s">
        <v>561</v>
      </c>
    </row>
    <row r="69" spans="1:20" ht="39.6" customHeight="1" x14ac:dyDescent="0.2">
      <c r="A69" s="19">
        <v>63</v>
      </c>
      <c r="B69" s="20" t="s">
        <v>16</v>
      </c>
      <c r="C69" s="18" t="s">
        <v>416</v>
      </c>
      <c r="D69" s="18" t="s">
        <v>482</v>
      </c>
      <c r="E69" s="15" t="s">
        <v>337</v>
      </c>
      <c r="F69" s="16" t="s">
        <v>318</v>
      </c>
      <c r="G69" s="16" t="s">
        <v>238</v>
      </c>
      <c r="H69" s="16" t="s">
        <v>227</v>
      </c>
      <c r="I69" s="16" t="s">
        <v>227</v>
      </c>
      <c r="J69" s="16" t="s">
        <v>238</v>
      </c>
      <c r="K69" s="16" t="s">
        <v>238</v>
      </c>
      <c r="L69" s="16" t="s">
        <v>238</v>
      </c>
      <c r="M69" s="16" t="s">
        <v>238</v>
      </c>
      <c r="N69" s="16" t="s">
        <v>227</v>
      </c>
      <c r="O69" s="16" t="s">
        <v>228</v>
      </c>
      <c r="P69" s="16" t="s">
        <v>229</v>
      </c>
      <c r="Q69" s="16" t="s">
        <v>238</v>
      </c>
      <c r="R69" s="21" t="s">
        <v>214</v>
      </c>
      <c r="S69" s="21" t="s">
        <v>214</v>
      </c>
      <c r="T69" s="21" t="s">
        <v>549</v>
      </c>
    </row>
    <row r="70" spans="1:20" ht="23.4" x14ac:dyDescent="0.2">
      <c r="A70" s="34" t="s">
        <v>197</v>
      </c>
      <c r="B70" s="35"/>
      <c r="C70" s="35"/>
      <c r="D70" s="35"/>
      <c r="E70" s="35"/>
      <c r="F70" s="35"/>
      <c r="G70" s="35"/>
      <c r="H70" s="35"/>
      <c r="I70" s="35"/>
      <c r="J70" s="35"/>
      <c r="K70" s="35"/>
      <c r="L70" s="35"/>
      <c r="M70" s="35"/>
      <c r="N70" s="35"/>
      <c r="O70" s="35"/>
      <c r="P70" s="35"/>
      <c r="Q70" s="35"/>
      <c r="R70" s="35"/>
      <c r="S70" s="35"/>
      <c r="T70" s="36"/>
    </row>
    <row r="71" spans="1:20" ht="39.6" customHeight="1" x14ac:dyDescent="0.2">
      <c r="A71" s="19">
        <v>64</v>
      </c>
      <c r="B71" s="23" t="s">
        <v>39</v>
      </c>
      <c r="C71" s="15" t="s">
        <v>417</v>
      </c>
      <c r="D71" s="15" t="s">
        <v>38</v>
      </c>
      <c r="E71" s="19" t="s">
        <v>37</v>
      </c>
      <c r="F71" s="16" t="s">
        <v>267</v>
      </c>
      <c r="G71" s="16" t="s">
        <v>211</v>
      </c>
      <c r="H71" s="16" t="s">
        <v>211</v>
      </c>
      <c r="I71" s="16" t="s">
        <v>212</v>
      </c>
      <c r="J71" s="16" t="s">
        <v>211</v>
      </c>
      <c r="K71" s="16" t="s">
        <v>211</v>
      </c>
      <c r="L71" s="16" t="s">
        <v>211</v>
      </c>
      <c r="M71" s="16" t="s">
        <v>212</v>
      </c>
      <c r="N71" s="16" t="s">
        <v>212</v>
      </c>
      <c r="O71" s="16" t="s">
        <v>223</v>
      </c>
      <c r="P71" s="16" t="s">
        <v>229</v>
      </c>
      <c r="Q71" s="16" t="s">
        <v>226</v>
      </c>
      <c r="R71" s="21" t="s">
        <v>214</v>
      </c>
      <c r="S71" s="21" t="s">
        <v>221</v>
      </c>
      <c r="T71" s="21" t="s">
        <v>561</v>
      </c>
    </row>
    <row r="72" spans="1:20" ht="39.6" customHeight="1" x14ac:dyDescent="0.2">
      <c r="A72" s="19">
        <v>65</v>
      </c>
      <c r="B72" s="23" t="s">
        <v>159</v>
      </c>
      <c r="C72" s="15" t="s">
        <v>418</v>
      </c>
      <c r="D72" s="15" t="s">
        <v>483</v>
      </c>
      <c r="E72" s="19" t="s">
        <v>171</v>
      </c>
      <c r="F72" s="19"/>
      <c r="G72" s="16" t="s">
        <v>211</v>
      </c>
      <c r="H72" s="16" t="s">
        <v>211</v>
      </c>
      <c r="I72" s="16" t="s">
        <v>212</v>
      </c>
      <c r="J72" s="16" t="s">
        <v>212</v>
      </c>
      <c r="K72" s="16" t="s">
        <v>211</v>
      </c>
      <c r="L72" s="16" t="s">
        <v>212</v>
      </c>
      <c r="M72" s="16" t="s">
        <v>212</v>
      </c>
      <c r="N72" s="16" t="s">
        <v>212</v>
      </c>
      <c r="O72" s="16" t="s">
        <v>213</v>
      </c>
      <c r="P72" s="16" t="s">
        <v>214</v>
      </c>
      <c r="Q72" s="16" t="s">
        <v>212</v>
      </c>
      <c r="R72" s="21" t="s">
        <v>516</v>
      </c>
      <c r="S72" s="21" t="s">
        <v>516</v>
      </c>
      <c r="T72" s="21" t="s">
        <v>561</v>
      </c>
    </row>
    <row r="73" spans="1:20" ht="39.6" customHeight="1" x14ac:dyDescent="0.2">
      <c r="A73" s="22">
        <v>66</v>
      </c>
      <c r="B73" s="23" t="s">
        <v>93</v>
      </c>
      <c r="C73" s="15" t="s">
        <v>419</v>
      </c>
      <c r="D73" s="15" t="s">
        <v>92</v>
      </c>
      <c r="E73" s="19" t="s">
        <v>91</v>
      </c>
      <c r="F73" s="19"/>
      <c r="G73" s="16" t="s">
        <v>211</v>
      </c>
      <c r="H73" s="16" t="s">
        <v>212</v>
      </c>
      <c r="I73" s="16" t="s">
        <v>212</v>
      </c>
      <c r="J73" s="16" t="s">
        <v>212</v>
      </c>
      <c r="K73" s="16" t="s">
        <v>212</v>
      </c>
      <c r="L73" s="16" t="s">
        <v>212</v>
      </c>
      <c r="M73" s="16" t="s">
        <v>212</v>
      </c>
      <c r="N73" s="16" t="s">
        <v>212</v>
      </c>
      <c r="O73" s="16" t="s">
        <v>213</v>
      </c>
      <c r="P73" s="16" t="s">
        <v>214</v>
      </c>
      <c r="Q73" s="16" t="s">
        <v>211</v>
      </c>
      <c r="R73" s="21" t="s">
        <v>549</v>
      </c>
      <c r="S73" s="21" t="s">
        <v>549</v>
      </c>
      <c r="T73" s="21" t="s">
        <v>549</v>
      </c>
    </row>
    <row r="74" spans="1:20" ht="39.6" customHeight="1" x14ac:dyDescent="0.2">
      <c r="A74" s="19">
        <v>67</v>
      </c>
      <c r="B74" s="23" t="s">
        <v>135</v>
      </c>
      <c r="C74" s="15" t="s">
        <v>420</v>
      </c>
      <c r="D74" s="15" t="s">
        <v>484</v>
      </c>
      <c r="E74" s="19" t="s">
        <v>134</v>
      </c>
      <c r="F74" s="19"/>
      <c r="G74" s="16" t="s">
        <v>292</v>
      </c>
      <c r="H74" s="16" t="s">
        <v>293</v>
      </c>
      <c r="I74" s="16" t="s">
        <v>293</v>
      </c>
      <c r="J74" s="16" t="s">
        <v>212</v>
      </c>
      <c r="K74" s="16" t="s">
        <v>293</v>
      </c>
      <c r="L74" s="16" t="s">
        <v>293</v>
      </c>
      <c r="M74" s="16" t="s">
        <v>212</v>
      </c>
      <c r="N74" s="16" t="s">
        <v>212</v>
      </c>
      <c r="O74" s="16" t="s">
        <v>294</v>
      </c>
      <c r="P74" s="16" t="s">
        <v>214</v>
      </c>
      <c r="Q74" s="16" t="s">
        <v>293</v>
      </c>
      <c r="R74" s="21" t="s">
        <v>214</v>
      </c>
      <c r="S74" s="21" t="s">
        <v>214</v>
      </c>
      <c r="T74" s="21" t="s">
        <v>577</v>
      </c>
    </row>
    <row r="75" spans="1:20" ht="39.6" customHeight="1" x14ac:dyDescent="0.2">
      <c r="A75" s="19">
        <v>68</v>
      </c>
      <c r="B75" s="23" t="s">
        <v>18</v>
      </c>
      <c r="C75" s="18" t="s">
        <v>421</v>
      </c>
      <c r="D75" s="18" t="s">
        <v>485</v>
      </c>
      <c r="E75" s="15" t="s">
        <v>540</v>
      </c>
      <c r="F75" s="16" t="s">
        <v>541</v>
      </c>
      <c r="G75" s="16" t="s">
        <v>310</v>
      </c>
      <c r="H75" s="16" t="s">
        <v>309</v>
      </c>
      <c r="I75" s="16" t="s">
        <v>212</v>
      </c>
      <c r="J75" s="16" t="s">
        <v>238</v>
      </c>
      <c r="K75" s="16" t="s">
        <v>238</v>
      </c>
      <c r="L75" s="16" t="s">
        <v>309</v>
      </c>
      <c r="M75" s="16" t="s">
        <v>212</v>
      </c>
      <c r="N75" s="16" t="s">
        <v>212</v>
      </c>
      <c r="O75" s="16" t="s">
        <v>308</v>
      </c>
      <c r="P75" s="16" t="s">
        <v>221</v>
      </c>
      <c r="Q75" s="16" t="s">
        <v>211</v>
      </c>
      <c r="R75" s="21" t="s">
        <v>516</v>
      </c>
      <c r="S75" s="21" t="s">
        <v>516</v>
      </c>
      <c r="T75" s="21" t="s">
        <v>561</v>
      </c>
    </row>
    <row r="76" spans="1:20" ht="51" customHeight="1" x14ac:dyDescent="0.2">
      <c r="A76" s="19">
        <v>69</v>
      </c>
      <c r="B76" s="23" t="s">
        <v>18</v>
      </c>
      <c r="C76" s="15" t="s">
        <v>422</v>
      </c>
      <c r="D76" s="15" t="s">
        <v>593</v>
      </c>
      <c r="E76" s="19" t="s">
        <v>187</v>
      </c>
      <c r="F76" s="19"/>
      <c r="G76" s="17" t="s">
        <v>352</v>
      </c>
      <c r="H76" s="16" t="s">
        <v>212</v>
      </c>
      <c r="I76" s="16" t="s">
        <v>212</v>
      </c>
      <c r="J76" s="16" t="s">
        <v>212</v>
      </c>
      <c r="K76" s="16" t="s">
        <v>212</v>
      </c>
      <c r="L76" s="16" t="s">
        <v>212</v>
      </c>
      <c r="M76" s="16" t="s">
        <v>212</v>
      </c>
      <c r="N76" s="16" t="s">
        <v>212</v>
      </c>
      <c r="O76" s="16" t="s">
        <v>213</v>
      </c>
      <c r="P76" s="16" t="s">
        <v>214</v>
      </c>
      <c r="Q76" s="16" t="s">
        <v>212</v>
      </c>
      <c r="R76" s="21" t="s">
        <v>214</v>
      </c>
      <c r="S76" s="21" t="s">
        <v>214</v>
      </c>
      <c r="T76" s="21" t="s">
        <v>561</v>
      </c>
    </row>
    <row r="77" spans="1:20" ht="86.4" customHeight="1" x14ac:dyDescent="0.2">
      <c r="A77" s="19">
        <v>70</v>
      </c>
      <c r="B77" s="16" t="s">
        <v>176</v>
      </c>
      <c r="C77" s="18" t="s">
        <v>423</v>
      </c>
      <c r="D77" s="18" t="s">
        <v>486</v>
      </c>
      <c r="E77" s="15" t="s">
        <v>338</v>
      </c>
      <c r="F77" s="16" t="s">
        <v>220</v>
      </c>
      <c r="G77" s="16" t="s">
        <v>211</v>
      </c>
      <c r="H77" s="16" t="s">
        <v>211</v>
      </c>
      <c r="I77" s="16" t="s">
        <v>211</v>
      </c>
      <c r="J77" s="16" t="s">
        <v>211</v>
      </c>
      <c r="K77" s="16" t="s">
        <v>211</v>
      </c>
      <c r="L77" s="16" t="s">
        <v>211</v>
      </c>
      <c r="M77" s="16" t="s">
        <v>211</v>
      </c>
      <c r="N77" s="17" t="s">
        <v>359</v>
      </c>
      <c r="O77" s="16" t="s">
        <v>217</v>
      </c>
      <c r="P77" s="16" t="s">
        <v>221</v>
      </c>
      <c r="Q77" s="16" t="s">
        <v>211</v>
      </c>
      <c r="R77" s="21" t="s">
        <v>214</v>
      </c>
      <c r="S77" s="21" t="s">
        <v>221</v>
      </c>
      <c r="T77" s="21" t="s">
        <v>561</v>
      </c>
    </row>
    <row r="78" spans="1:20" ht="38.4" customHeight="1" x14ac:dyDescent="0.2">
      <c r="A78" s="19">
        <v>71</v>
      </c>
      <c r="B78" s="20" t="s">
        <v>146</v>
      </c>
      <c r="C78" s="18" t="s">
        <v>424</v>
      </c>
      <c r="D78" s="18" t="s">
        <v>487</v>
      </c>
      <c r="E78" s="15" t="s">
        <v>339</v>
      </c>
      <c r="F78" s="16"/>
      <c r="G78" s="16" t="s">
        <v>238</v>
      </c>
      <c r="H78" s="16" t="s">
        <v>238</v>
      </c>
      <c r="I78" s="16" t="s">
        <v>227</v>
      </c>
      <c r="J78" s="16" t="s">
        <v>238</v>
      </c>
      <c r="K78" s="16" t="s">
        <v>238</v>
      </c>
      <c r="L78" s="16" t="s">
        <v>238</v>
      </c>
      <c r="M78" s="16" t="s">
        <v>238</v>
      </c>
      <c r="N78" s="16" t="s">
        <v>227</v>
      </c>
      <c r="O78" s="16" t="s">
        <v>228</v>
      </c>
      <c r="P78" s="16" t="s">
        <v>221</v>
      </c>
      <c r="Q78" s="16" t="s">
        <v>238</v>
      </c>
      <c r="R78" s="21" t="s">
        <v>214</v>
      </c>
      <c r="S78" s="21" t="s">
        <v>214</v>
      </c>
      <c r="T78" s="21" t="s">
        <v>561</v>
      </c>
    </row>
    <row r="79" spans="1:20" ht="37.799999999999997" customHeight="1" x14ac:dyDescent="0.2">
      <c r="A79" s="19">
        <v>72</v>
      </c>
      <c r="B79" s="20" t="s">
        <v>54</v>
      </c>
      <c r="C79" s="18" t="s">
        <v>425</v>
      </c>
      <c r="D79" s="18" t="s">
        <v>488</v>
      </c>
      <c r="E79" s="15" t="s">
        <v>340</v>
      </c>
      <c r="F79" s="16" t="s">
        <v>232</v>
      </c>
      <c r="G79" s="16" t="s">
        <v>211</v>
      </c>
      <c r="H79" s="16" t="s">
        <v>211</v>
      </c>
      <c r="I79" s="16" t="s">
        <v>211</v>
      </c>
      <c r="J79" s="16" t="s">
        <v>211</v>
      </c>
      <c r="K79" s="16" t="s">
        <v>211</v>
      </c>
      <c r="L79" s="16" t="s">
        <v>212</v>
      </c>
      <c r="M79" s="16" t="s">
        <v>212</v>
      </c>
      <c r="N79" s="16" t="s">
        <v>212</v>
      </c>
      <c r="O79" s="16" t="s">
        <v>217</v>
      </c>
      <c r="P79" s="16" t="s">
        <v>214</v>
      </c>
      <c r="Q79" s="16" t="s">
        <v>211</v>
      </c>
      <c r="R79" s="21" t="s">
        <v>516</v>
      </c>
      <c r="S79" s="21" t="s">
        <v>516</v>
      </c>
      <c r="T79" s="21" t="s">
        <v>549</v>
      </c>
    </row>
    <row r="80" spans="1:20" ht="38.4" customHeight="1" x14ac:dyDescent="0.2">
      <c r="A80" s="19">
        <v>73</v>
      </c>
      <c r="B80" s="20" t="s">
        <v>50</v>
      </c>
      <c r="C80" s="18" t="s">
        <v>426</v>
      </c>
      <c r="D80" s="18" t="s">
        <v>489</v>
      </c>
      <c r="E80" s="15" t="s">
        <v>341</v>
      </c>
      <c r="F80" s="16"/>
      <c r="G80" s="16" t="s">
        <v>310</v>
      </c>
      <c r="H80" s="16" t="s">
        <v>309</v>
      </c>
      <c r="I80" s="16" t="s">
        <v>309</v>
      </c>
      <c r="J80" s="16" t="s">
        <v>238</v>
      </c>
      <c r="K80" s="16" t="s">
        <v>238</v>
      </c>
      <c r="L80" s="16" t="s">
        <v>309</v>
      </c>
      <c r="M80" s="16" t="s">
        <v>238</v>
      </c>
      <c r="N80" s="16" t="s">
        <v>309</v>
      </c>
      <c r="O80" s="16" t="s">
        <v>308</v>
      </c>
      <c r="P80" s="16" t="s">
        <v>313</v>
      </c>
      <c r="Q80" s="16" t="s">
        <v>211</v>
      </c>
      <c r="R80" s="21" t="s">
        <v>516</v>
      </c>
      <c r="S80" s="21" t="s">
        <v>516</v>
      </c>
      <c r="T80" s="21" t="s">
        <v>561</v>
      </c>
    </row>
    <row r="81" spans="1:20" ht="102" customHeight="1" x14ac:dyDescent="0.2">
      <c r="A81" s="19">
        <v>74</v>
      </c>
      <c r="B81" s="20" t="s">
        <v>49</v>
      </c>
      <c r="C81" s="18" t="s">
        <v>501</v>
      </c>
      <c r="D81" s="18" t="s">
        <v>48</v>
      </c>
      <c r="E81" s="15" t="s">
        <v>543</v>
      </c>
      <c r="F81" s="16"/>
      <c r="G81" s="16" t="s">
        <v>226</v>
      </c>
      <c r="H81" s="16" t="s">
        <v>226</v>
      </c>
      <c r="I81" s="16" t="s">
        <v>226</v>
      </c>
      <c r="J81" s="16" t="s">
        <v>226</v>
      </c>
      <c r="K81" s="16" t="s">
        <v>226</v>
      </c>
      <c r="L81" s="16" t="s">
        <v>226</v>
      </c>
      <c r="M81" s="16" t="s">
        <v>226</v>
      </c>
      <c r="N81" s="16" t="s">
        <v>226</v>
      </c>
      <c r="O81" s="16" t="s">
        <v>223</v>
      </c>
      <c r="P81" s="16" t="s">
        <v>221</v>
      </c>
      <c r="Q81" s="16" t="s">
        <v>226</v>
      </c>
      <c r="R81" s="21" t="s">
        <v>221</v>
      </c>
      <c r="S81" s="21" t="s">
        <v>221</v>
      </c>
      <c r="T81" s="21" t="s">
        <v>549</v>
      </c>
    </row>
    <row r="82" spans="1:20" ht="23.4" x14ac:dyDescent="0.2">
      <c r="A82" s="34" t="s">
        <v>0</v>
      </c>
      <c r="B82" s="35"/>
      <c r="C82" s="35"/>
      <c r="D82" s="35"/>
      <c r="E82" s="35"/>
      <c r="F82" s="35"/>
      <c r="G82" s="35"/>
      <c r="H82" s="35"/>
      <c r="I82" s="35"/>
      <c r="J82" s="35"/>
      <c r="K82" s="35"/>
      <c r="L82" s="35"/>
      <c r="M82" s="35"/>
      <c r="N82" s="35"/>
      <c r="O82" s="35"/>
      <c r="P82" s="35"/>
      <c r="Q82" s="35"/>
      <c r="R82" s="35"/>
      <c r="S82" s="35"/>
      <c r="T82" s="36"/>
    </row>
    <row r="83" spans="1:20" ht="39" customHeight="1" x14ac:dyDescent="0.2">
      <c r="A83" s="19">
        <v>75</v>
      </c>
      <c r="B83" s="19" t="s">
        <v>113</v>
      </c>
      <c r="C83" s="15" t="s">
        <v>427</v>
      </c>
      <c r="D83" s="15" t="s">
        <v>112</v>
      </c>
      <c r="E83" s="19" t="s">
        <v>111</v>
      </c>
      <c r="F83" s="16"/>
      <c r="G83" s="16" t="s">
        <v>275</v>
      </c>
      <c r="H83" s="16" t="s">
        <v>273</v>
      </c>
      <c r="I83" s="16" t="s">
        <v>273</v>
      </c>
      <c r="J83" s="16" t="s">
        <v>238</v>
      </c>
      <c r="K83" s="16" t="s">
        <v>273</v>
      </c>
      <c r="L83" s="16" t="s">
        <v>273</v>
      </c>
      <c r="M83" s="16" t="s">
        <v>273</v>
      </c>
      <c r="N83" s="16" t="s">
        <v>273</v>
      </c>
      <c r="O83" s="16" t="s">
        <v>288</v>
      </c>
      <c r="P83" s="16" t="s">
        <v>286</v>
      </c>
      <c r="Q83" s="16" t="s">
        <v>238</v>
      </c>
      <c r="R83" s="21" t="s">
        <v>516</v>
      </c>
      <c r="S83" s="16" t="s">
        <v>516</v>
      </c>
      <c r="T83" s="16" t="s">
        <v>561</v>
      </c>
    </row>
    <row r="84" spans="1:20" ht="58.8" customHeight="1" x14ac:dyDescent="0.2">
      <c r="A84" s="19">
        <v>76</v>
      </c>
      <c r="B84" s="19" t="s">
        <v>604</v>
      </c>
      <c r="C84" s="15" t="s">
        <v>605</v>
      </c>
      <c r="D84" s="15" t="s">
        <v>626</v>
      </c>
      <c r="E84" s="19" t="s">
        <v>606</v>
      </c>
      <c r="F84" s="19"/>
      <c r="G84" s="16" t="s">
        <v>238</v>
      </c>
      <c r="H84" s="16" t="s">
        <v>212</v>
      </c>
      <c r="I84" s="16" t="s">
        <v>212</v>
      </c>
      <c r="J84" s="16" t="s">
        <v>212</v>
      </c>
      <c r="K84" s="16" t="s">
        <v>212</v>
      </c>
      <c r="L84" s="16" t="s">
        <v>212</v>
      </c>
      <c r="M84" s="16" t="s">
        <v>212</v>
      </c>
      <c r="N84" s="16" t="s">
        <v>212</v>
      </c>
      <c r="O84" s="16" t="s">
        <v>213</v>
      </c>
      <c r="P84" s="16" t="s">
        <v>214</v>
      </c>
      <c r="Q84" s="16" t="s">
        <v>212</v>
      </c>
      <c r="R84" s="16" t="s">
        <v>214</v>
      </c>
      <c r="S84" s="16" t="s">
        <v>214</v>
      </c>
      <c r="T84" s="16" t="s">
        <v>561</v>
      </c>
    </row>
    <row r="85" spans="1:20" ht="38.4" customHeight="1" x14ac:dyDescent="0.2">
      <c r="A85" s="19">
        <v>77</v>
      </c>
      <c r="B85" s="20" t="s">
        <v>33</v>
      </c>
      <c r="C85" s="18" t="s">
        <v>428</v>
      </c>
      <c r="D85" s="18" t="s">
        <v>260</v>
      </c>
      <c r="E85" s="15" t="s">
        <v>586</v>
      </c>
      <c r="F85" s="16" t="s">
        <v>261</v>
      </c>
      <c r="G85" s="16" t="s">
        <v>238</v>
      </c>
      <c r="H85" s="16" t="s">
        <v>238</v>
      </c>
      <c r="I85" s="16" t="s">
        <v>238</v>
      </c>
      <c r="J85" s="16" t="s">
        <v>238</v>
      </c>
      <c r="K85" s="16" t="s">
        <v>238</v>
      </c>
      <c r="L85" s="16" t="s">
        <v>238</v>
      </c>
      <c r="M85" s="16" t="s">
        <v>238</v>
      </c>
      <c r="N85" s="16" t="s">
        <v>227</v>
      </c>
      <c r="O85" s="16" t="s">
        <v>223</v>
      </c>
      <c r="P85" s="16" t="s">
        <v>214</v>
      </c>
      <c r="Q85" s="16" t="s">
        <v>238</v>
      </c>
      <c r="R85" s="16" t="s">
        <v>214</v>
      </c>
      <c r="S85" s="16" t="s">
        <v>214</v>
      </c>
      <c r="T85" s="16" t="s">
        <v>561</v>
      </c>
    </row>
    <row r="86" spans="1:20" ht="49.8" customHeight="1" x14ac:dyDescent="0.2">
      <c r="A86" s="19">
        <v>78</v>
      </c>
      <c r="B86" s="19" t="s">
        <v>590</v>
      </c>
      <c r="C86" s="15" t="s">
        <v>589</v>
      </c>
      <c r="D86" s="15" t="s">
        <v>588</v>
      </c>
      <c r="E86" s="15" t="s">
        <v>591</v>
      </c>
      <c r="F86" s="16" t="s">
        <v>592</v>
      </c>
      <c r="G86" s="16" t="s">
        <v>238</v>
      </c>
      <c r="H86" s="16" t="s">
        <v>238</v>
      </c>
      <c r="I86" s="16" t="s">
        <v>238</v>
      </c>
      <c r="J86" s="16" t="s">
        <v>211</v>
      </c>
      <c r="K86" s="16" t="s">
        <v>211</v>
      </c>
      <c r="L86" s="16" t="s">
        <v>211</v>
      </c>
      <c r="M86" s="16" t="s">
        <v>238</v>
      </c>
      <c r="N86" s="16" t="s">
        <v>212</v>
      </c>
      <c r="O86" s="16" t="s">
        <v>213</v>
      </c>
      <c r="P86" s="16" t="s">
        <v>221</v>
      </c>
      <c r="Q86" s="16" t="s">
        <v>238</v>
      </c>
      <c r="R86" s="16" t="s">
        <v>214</v>
      </c>
      <c r="S86" s="16" t="s">
        <v>221</v>
      </c>
      <c r="T86" s="16" t="s">
        <v>561</v>
      </c>
    </row>
    <row r="87" spans="1:20" ht="84" customHeight="1" x14ac:dyDescent="0.2">
      <c r="A87" s="19">
        <v>79</v>
      </c>
      <c r="B87" s="20" t="s">
        <v>110</v>
      </c>
      <c r="C87" s="18" t="s">
        <v>429</v>
      </c>
      <c r="D87" s="18" t="s">
        <v>109</v>
      </c>
      <c r="E87" s="15" t="s">
        <v>578</v>
      </c>
      <c r="F87" s="16" t="s">
        <v>579</v>
      </c>
      <c r="G87" s="16" t="s">
        <v>211</v>
      </c>
      <c r="H87" s="16" t="s">
        <v>211</v>
      </c>
      <c r="I87" s="16" t="s">
        <v>211</v>
      </c>
      <c r="J87" s="16" t="s">
        <v>211</v>
      </c>
      <c r="K87" s="16" t="s">
        <v>211</v>
      </c>
      <c r="L87" s="16" t="s">
        <v>211</v>
      </c>
      <c r="M87" s="16" t="s">
        <v>211</v>
      </c>
      <c r="N87" s="17" t="s">
        <v>580</v>
      </c>
      <c r="O87" s="16" t="s">
        <v>217</v>
      </c>
      <c r="P87" s="16" t="s">
        <v>221</v>
      </c>
      <c r="Q87" s="16" t="s">
        <v>211</v>
      </c>
      <c r="R87" s="16" t="s">
        <v>517</v>
      </c>
      <c r="S87" s="16" t="s">
        <v>517</v>
      </c>
      <c r="T87" s="16" t="s">
        <v>577</v>
      </c>
    </row>
    <row r="88" spans="1:20" ht="38.4" customHeight="1" x14ac:dyDescent="0.2">
      <c r="A88" s="19">
        <v>80</v>
      </c>
      <c r="B88" s="19" t="s">
        <v>6</v>
      </c>
      <c r="C88" s="15" t="s">
        <v>430</v>
      </c>
      <c r="D88" s="15" t="s">
        <v>490</v>
      </c>
      <c r="E88" s="19" t="s">
        <v>74</v>
      </c>
      <c r="F88" s="19"/>
      <c r="G88" s="16" t="s">
        <v>309</v>
      </c>
      <c r="H88" s="16" t="s">
        <v>309</v>
      </c>
      <c r="I88" s="16" t="s">
        <v>309</v>
      </c>
      <c r="J88" s="16" t="s">
        <v>309</v>
      </c>
      <c r="K88" s="16" t="s">
        <v>310</v>
      </c>
      <c r="L88" s="16" t="s">
        <v>309</v>
      </c>
      <c r="M88" s="16" t="s">
        <v>309</v>
      </c>
      <c r="N88" s="16" t="s">
        <v>309</v>
      </c>
      <c r="O88" s="16" t="s">
        <v>308</v>
      </c>
      <c r="P88" s="16" t="s">
        <v>313</v>
      </c>
      <c r="Q88" s="16" t="s">
        <v>309</v>
      </c>
      <c r="R88" s="16" t="s">
        <v>516</v>
      </c>
      <c r="S88" s="16" t="s">
        <v>516</v>
      </c>
      <c r="T88" s="16" t="s">
        <v>561</v>
      </c>
    </row>
    <row r="89" spans="1:20" ht="38.4" customHeight="1" x14ac:dyDescent="0.2">
      <c r="A89" s="19">
        <v>81</v>
      </c>
      <c r="B89" s="20" t="s">
        <v>351</v>
      </c>
      <c r="C89" s="15" t="s">
        <v>431</v>
      </c>
      <c r="D89" s="15" t="s">
        <v>5</v>
      </c>
      <c r="E89" s="19" t="s">
        <v>4</v>
      </c>
      <c r="F89" s="19"/>
      <c r="G89" s="16" t="s">
        <v>275</v>
      </c>
      <c r="H89" s="16" t="s">
        <v>273</v>
      </c>
      <c r="I89" s="16" t="s">
        <v>273</v>
      </c>
      <c r="J89" s="16" t="s">
        <v>238</v>
      </c>
      <c r="K89" s="16" t="s">
        <v>273</v>
      </c>
      <c r="L89" s="16" t="s">
        <v>273</v>
      </c>
      <c r="M89" s="16" t="s">
        <v>273</v>
      </c>
      <c r="N89" s="16" t="s">
        <v>273</v>
      </c>
      <c r="O89" s="16" t="s">
        <v>288</v>
      </c>
      <c r="P89" s="16" t="s">
        <v>286</v>
      </c>
      <c r="Q89" s="16" t="s">
        <v>212</v>
      </c>
      <c r="R89" s="16" t="s">
        <v>214</v>
      </c>
      <c r="S89" s="16" t="s">
        <v>214</v>
      </c>
      <c r="T89" s="16" t="s">
        <v>561</v>
      </c>
    </row>
    <row r="90" spans="1:20" ht="165.6" customHeight="1" x14ac:dyDescent="0.2">
      <c r="A90" s="19">
        <v>82</v>
      </c>
      <c r="B90" s="20" t="s">
        <v>22</v>
      </c>
      <c r="C90" s="18" t="s">
        <v>432</v>
      </c>
      <c r="D90" s="18" t="s">
        <v>491</v>
      </c>
      <c r="E90" s="15" t="s">
        <v>608</v>
      </c>
      <c r="F90" s="16" t="s">
        <v>258</v>
      </c>
      <c r="G90" s="16" t="s">
        <v>211</v>
      </c>
      <c r="H90" s="16" t="s">
        <v>211</v>
      </c>
      <c r="I90" s="16" t="s">
        <v>211</v>
      </c>
      <c r="J90" s="16" t="s">
        <v>211</v>
      </c>
      <c r="K90" s="16" t="s">
        <v>211</v>
      </c>
      <c r="L90" s="16" t="s">
        <v>211</v>
      </c>
      <c r="M90" s="16" t="s">
        <v>211</v>
      </c>
      <c r="N90" s="16" t="s">
        <v>211</v>
      </c>
      <c r="O90" s="17" t="s">
        <v>256</v>
      </c>
      <c r="P90" s="16" t="s">
        <v>221</v>
      </c>
      <c r="Q90" s="16" t="s">
        <v>211</v>
      </c>
      <c r="R90" s="16" t="s">
        <v>221</v>
      </c>
      <c r="S90" s="16" t="s">
        <v>221</v>
      </c>
      <c r="T90" s="16" t="s">
        <v>577</v>
      </c>
    </row>
    <row r="91" spans="1:20" ht="23.4" x14ac:dyDescent="0.2">
      <c r="A91" s="34" t="s">
        <v>2</v>
      </c>
      <c r="B91" s="35"/>
      <c r="C91" s="35"/>
      <c r="D91" s="35"/>
      <c r="E91" s="35"/>
      <c r="F91" s="35"/>
      <c r="G91" s="35"/>
      <c r="H91" s="35"/>
      <c r="I91" s="35"/>
      <c r="J91" s="35"/>
      <c r="K91" s="35"/>
      <c r="L91" s="35"/>
      <c r="M91" s="35"/>
      <c r="N91" s="35"/>
      <c r="O91" s="35"/>
      <c r="P91" s="35"/>
      <c r="Q91" s="35"/>
      <c r="R91" s="35"/>
      <c r="S91" s="35"/>
      <c r="T91" s="36"/>
    </row>
    <row r="92" spans="1:20" ht="38.4" customHeight="1" x14ac:dyDescent="0.2">
      <c r="A92" s="19">
        <v>83</v>
      </c>
      <c r="B92" s="20" t="s">
        <v>121</v>
      </c>
      <c r="C92" s="18" t="s">
        <v>433</v>
      </c>
      <c r="D92" s="18" t="s">
        <v>120</v>
      </c>
      <c r="E92" s="15" t="s">
        <v>594</v>
      </c>
      <c r="F92" s="16" t="s">
        <v>528</v>
      </c>
      <c r="G92" s="16" t="s">
        <v>238</v>
      </c>
      <c r="H92" s="16" t="s">
        <v>238</v>
      </c>
      <c r="I92" s="16" t="s">
        <v>238</v>
      </c>
      <c r="J92" s="16" t="s">
        <v>238</v>
      </c>
      <c r="K92" s="16" t="s">
        <v>238</v>
      </c>
      <c r="L92" s="16" t="s">
        <v>238</v>
      </c>
      <c r="M92" s="16" t="s">
        <v>238</v>
      </c>
      <c r="N92" s="16" t="s">
        <v>238</v>
      </c>
      <c r="O92" s="16" t="s">
        <v>223</v>
      </c>
      <c r="P92" s="16" t="s">
        <v>221</v>
      </c>
      <c r="Q92" s="16" t="s">
        <v>238</v>
      </c>
      <c r="R92" s="21" t="s">
        <v>516</v>
      </c>
      <c r="S92" s="16" t="s">
        <v>517</v>
      </c>
      <c r="T92" s="16" t="s">
        <v>561</v>
      </c>
    </row>
    <row r="93" spans="1:20" ht="50.4" customHeight="1" x14ac:dyDescent="0.2">
      <c r="A93" s="19">
        <v>84</v>
      </c>
      <c r="B93" s="19" t="s">
        <v>153</v>
      </c>
      <c r="C93" s="15" t="s">
        <v>502</v>
      </c>
      <c r="D93" s="15" t="s">
        <v>492</v>
      </c>
      <c r="E93" s="19" t="s">
        <v>152</v>
      </c>
      <c r="F93" s="19"/>
      <c r="G93" s="16" t="s">
        <v>211</v>
      </c>
      <c r="H93" s="16" t="s">
        <v>212</v>
      </c>
      <c r="I93" s="16" t="s">
        <v>212</v>
      </c>
      <c r="J93" s="16" t="s">
        <v>212</v>
      </c>
      <c r="K93" s="16" t="s">
        <v>212</v>
      </c>
      <c r="L93" s="16" t="s">
        <v>212</v>
      </c>
      <c r="M93" s="16" t="s">
        <v>212</v>
      </c>
      <c r="N93" s="16" t="s">
        <v>212</v>
      </c>
      <c r="O93" s="16" t="s">
        <v>213</v>
      </c>
      <c r="P93" s="16" t="s">
        <v>214</v>
      </c>
      <c r="Q93" s="16" t="s">
        <v>212</v>
      </c>
      <c r="R93" s="16" t="s">
        <v>516</v>
      </c>
      <c r="S93" s="16" t="s">
        <v>516</v>
      </c>
      <c r="T93" s="16" t="s">
        <v>561</v>
      </c>
    </row>
    <row r="94" spans="1:20" ht="38.4" customHeight="1" x14ac:dyDescent="0.2">
      <c r="A94" s="19">
        <v>85</v>
      </c>
      <c r="B94" s="19" t="s">
        <v>353</v>
      </c>
      <c r="C94" s="15" t="s">
        <v>434</v>
      </c>
      <c r="D94" s="15" t="s">
        <v>493</v>
      </c>
      <c r="E94" s="19" t="s">
        <v>354</v>
      </c>
      <c r="F94" s="19"/>
      <c r="G94" s="16" t="s">
        <v>355</v>
      </c>
      <c r="H94" s="16" t="s">
        <v>355</v>
      </c>
      <c r="I94" s="16" t="s">
        <v>355</v>
      </c>
      <c r="J94" s="16" t="s">
        <v>355</v>
      </c>
      <c r="K94" s="16" t="s">
        <v>356</v>
      </c>
      <c r="L94" s="17" t="s">
        <v>542</v>
      </c>
      <c r="M94" s="16" t="s">
        <v>355</v>
      </c>
      <c r="N94" s="16" t="s">
        <v>355</v>
      </c>
      <c r="O94" s="16" t="s">
        <v>357</v>
      </c>
      <c r="P94" s="16" t="s">
        <v>358</v>
      </c>
      <c r="Q94" s="16" t="s">
        <v>355</v>
      </c>
      <c r="R94" s="16" t="s">
        <v>214</v>
      </c>
      <c r="S94" s="16" t="s">
        <v>214</v>
      </c>
      <c r="T94" s="16" t="s">
        <v>561</v>
      </c>
    </row>
    <row r="95" spans="1:20" ht="85.2" customHeight="1" x14ac:dyDescent="0.2">
      <c r="A95" s="19">
        <v>86</v>
      </c>
      <c r="B95" s="20" t="s">
        <v>136</v>
      </c>
      <c r="C95" s="18" t="s">
        <v>435</v>
      </c>
      <c r="D95" s="18" t="s">
        <v>617</v>
      </c>
      <c r="E95" s="15" t="s">
        <v>342</v>
      </c>
      <c r="F95" s="16" t="s">
        <v>271</v>
      </c>
      <c r="G95" s="16" t="s">
        <v>226</v>
      </c>
      <c r="H95" s="16" t="s">
        <v>226</v>
      </c>
      <c r="I95" s="16" t="s">
        <v>226</v>
      </c>
      <c r="J95" s="16" t="s">
        <v>226</v>
      </c>
      <c r="K95" s="16" t="s">
        <v>226</v>
      </c>
      <c r="L95" s="17" t="s">
        <v>269</v>
      </c>
      <c r="M95" s="16" t="s">
        <v>226</v>
      </c>
      <c r="N95" s="16" t="s">
        <v>227</v>
      </c>
      <c r="O95" s="16" t="s">
        <v>223</v>
      </c>
      <c r="P95" s="16" t="s">
        <v>229</v>
      </c>
      <c r="Q95" s="17" t="s">
        <v>268</v>
      </c>
      <c r="R95" s="16" t="s">
        <v>516</v>
      </c>
      <c r="S95" s="16" t="s">
        <v>516</v>
      </c>
      <c r="T95" s="16" t="s">
        <v>561</v>
      </c>
    </row>
    <row r="96" spans="1:20" ht="37.799999999999997" customHeight="1" x14ac:dyDescent="0.2">
      <c r="A96" s="19">
        <v>87</v>
      </c>
      <c r="B96" s="23" t="s">
        <v>80</v>
      </c>
      <c r="C96" s="15" t="s">
        <v>436</v>
      </c>
      <c r="D96" s="15" t="s">
        <v>79</v>
      </c>
      <c r="E96" s="19" t="s">
        <v>78</v>
      </c>
      <c r="F96" s="19"/>
      <c r="G96" s="16" t="s">
        <v>226</v>
      </c>
      <c r="H96" s="16" t="s">
        <v>227</v>
      </c>
      <c r="I96" s="16" t="s">
        <v>227</v>
      </c>
      <c r="J96" s="16" t="s">
        <v>226</v>
      </c>
      <c r="K96" s="16" t="s">
        <v>227</v>
      </c>
      <c r="L96" s="16" t="s">
        <v>227</v>
      </c>
      <c r="M96" s="16" t="s">
        <v>227</v>
      </c>
      <c r="N96" s="16" t="s">
        <v>227</v>
      </c>
      <c r="O96" s="16" t="s">
        <v>213</v>
      </c>
      <c r="P96" s="16" t="s">
        <v>214</v>
      </c>
      <c r="Q96" s="16" t="s">
        <v>227</v>
      </c>
      <c r="R96" s="16" t="s">
        <v>516</v>
      </c>
      <c r="S96" s="16" t="s">
        <v>516</v>
      </c>
      <c r="T96" s="16" t="s">
        <v>561</v>
      </c>
    </row>
    <row r="97" spans="1:20" ht="38.4" customHeight="1" x14ac:dyDescent="0.2">
      <c r="A97" s="19">
        <v>88</v>
      </c>
      <c r="B97" s="23" t="s">
        <v>80</v>
      </c>
      <c r="C97" s="15" t="s">
        <v>437</v>
      </c>
      <c r="D97" s="15" t="s">
        <v>494</v>
      </c>
      <c r="E97" s="19" t="s">
        <v>162</v>
      </c>
      <c r="F97" s="16" t="s">
        <v>312</v>
      </c>
      <c r="G97" s="17" t="s">
        <v>307</v>
      </c>
      <c r="H97" s="16" t="s">
        <v>212</v>
      </c>
      <c r="I97" s="16" t="s">
        <v>212</v>
      </c>
      <c r="J97" s="16" t="s">
        <v>212</v>
      </c>
      <c r="K97" s="16" t="s">
        <v>238</v>
      </c>
      <c r="L97" s="16" t="s">
        <v>212</v>
      </c>
      <c r="M97" s="16" t="s">
        <v>212</v>
      </c>
      <c r="N97" s="16" t="s">
        <v>212</v>
      </c>
      <c r="O97" s="16" t="s">
        <v>308</v>
      </c>
      <c r="P97" s="16" t="s">
        <v>214</v>
      </c>
      <c r="Q97" s="16" t="s">
        <v>309</v>
      </c>
      <c r="R97" s="16" t="s">
        <v>214</v>
      </c>
      <c r="S97" s="16" t="s">
        <v>221</v>
      </c>
      <c r="T97" s="21" t="s">
        <v>549</v>
      </c>
    </row>
    <row r="98" spans="1:20" ht="38.4" customHeight="1" x14ac:dyDescent="0.2">
      <c r="A98" s="19">
        <v>89</v>
      </c>
      <c r="B98" s="19" t="s">
        <v>99</v>
      </c>
      <c r="C98" s="15" t="s">
        <v>438</v>
      </c>
      <c r="D98" s="15" t="s">
        <v>98</v>
      </c>
      <c r="E98" s="19" t="s">
        <v>97</v>
      </c>
      <c r="F98" s="19"/>
      <c r="G98" s="16" t="s">
        <v>273</v>
      </c>
      <c r="H98" s="16" t="s">
        <v>273</v>
      </c>
      <c r="I98" s="16" t="s">
        <v>273</v>
      </c>
      <c r="J98" s="16" t="s">
        <v>273</v>
      </c>
      <c r="K98" s="16" t="s">
        <v>238</v>
      </c>
      <c r="L98" s="16" t="s">
        <v>273</v>
      </c>
      <c r="M98" s="16" t="s">
        <v>273</v>
      </c>
      <c r="N98" s="16" t="s">
        <v>273</v>
      </c>
      <c r="O98" s="16" t="s">
        <v>288</v>
      </c>
      <c r="P98" s="16" t="s">
        <v>286</v>
      </c>
      <c r="Q98" s="16" t="s">
        <v>273</v>
      </c>
      <c r="R98" s="16" t="s">
        <v>516</v>
      </c>
      <c r="S98" s="16" t="s">
        <v>516</v>
      </c>
      <c r="T98" s="16" t="s">
        <v>561</v>
      </c>
    </row>
    <row r="99" spans="1:20" ht="23.4" x14ac:dyDescent="0.2">
      <c r="A99" s="34" t="s">
        <v>1</v>
      </c>
      <c r="B99" s="35"/>
      <c r="C99" s="35"/>
      <c r="D99" s="35"/>
      <c r="E99" s="35"/>
      <c r="F99" s="35"/>
      <c r="G99" s="35"/>
      <c r="H99" s="35"/>
      <c r="I99" s="35"/>
      <c r="J99" s="35"/>
      <c r="K99" s="35"/>
      <c r="L99" s="35"/>
      <c r="M99" s="35"/>
      <c r="N99" s="35"/>
      <c r="O99" s="35"/>
      <c r="P99" s="35"/>
      <c r="Q99" s="35"/>
      <c r="R99" s="35"/>
      <c r="S99" s="35"/>
      <c r="T99" s="36"/>
    </row>
    <row r="100" spans="1:20" ht="38.4" customHeight="1" x14ac:dyDescent="0.2">
      <c r="A100" s="12">
        <v>90</v>
      </c>
      <c r="B100" s="13" t="s">
        <v>21</v>
      </c>
      <c r="C100" s="14" t="s">
        <v>439</v>
      </c>
      <c r="D100" s="14" t="s">
        <v>495</v>
      </c>
      <c r="E100" s="7" t="s">
        <v>343</v>
      </c>
      <c r="F100" s="8"/>
      <c r="G100" s="8" t="s">
        <v>226</v>
      </c>
      <c r="H100" s="8" t="s">
        <v>227</v>
      </c>
      <c r="I100" s="8" t="s">
        <v>227</v>
      </c>
      <c r="J100" s="8" t="s">
        <v>226</v>
      </c>
      <c r="K100" s="8" t="s">
        <v>226</v>
      </c>
      <c r="L100" s="8" t="s">
        <v>227</v>
      </c>
      <c r="M100" s="8" t="s">
        <v>227</v>
      </c>
      <c r="N100" s="8" t="s">
        <v>227</v>
      </c>
      <c r="O100" s="8" t="s">
        <v>228</v>
      </c>
      <c r="P100" s="8" t="s">
        <v>229</v>
      </c>
      <c r="Q100" s="8" t="s">
        <v>226</v>
      </c>
      <c r="R100" s="10" t="s">
        <v>549</v>
      </c>
      <c r="S100" s="8" t="s">
        <v>549</v>
      </c>
      <c r="T100" s="21" t="s">
        <v>549</v>
      </c>
    </row>
    <row r="101" spans="1:20" ht="38.4" customHeight="1" x14ac:dyDescent="0.2">
      <c r="A101" s="19">
        <v>91</v>
      </c>
      <c r="B101" s="19" t="s">
        <v>36</v>
      </c>
      <c r="C101" s="15" t="s">
        <v>440</v>
      </c>
      <c r="D101" s="15" t="s">
        <v>35</v>
      </c>
      <c r="E101" s="19" t="s">
        <v>34</v>
      </c>
      <c r="F101" s="8" t="s">
        <v>597</v>
      </c>
      <c r="G101" s="8" t="s">
        <v>226</v>
      </c>
      <c r="H101" s="8" t="s">
        <v>212</v>
      </c>
      <c r="I101" s="8" t="s">
        <v>212</v>
      </c>
      <c r="J101" s="8" t="s">
        <v>212</v>
      </c>
      <c r="K101" s="8" t="s">
        <v>212</v>
      </c>
      <c r="L101" s="8" t="s">
        <v>212</v>
      </c>
      <c r="M101" s="8" t="s">
        <v>212</v>
      </c>
      <c r="N101" s="8" t="s">
        <v>212</v>
      </c>
      <c r="O101" s="8" t="s">
        <v>213</v>
      </c>
      <c r="P101" s="8" t="s">
        <v>214</v>
      </c>
      <c r="Q101" s="8" t="s">
        <v>212</v>
      </c>
      <c r="R101" s="8" t="s">
        <v>214</v>
      </c>
      <c r="S101" s="8" t="s">
        <v>214</v>
      </c>
      <c r="T101" s="8" t="s">
        <v>561</v>
      </c>
    </row>
    <row r="102" spans="1:20" ht="67.8" customHeight="1" x14ac:dyDescent="0.2">
      <c r="A102" s="19">
        <v>92</v>
      </c>
      <c r="B102" s="19" t="s">
        <v>62</v>
      </c>
      <c r="C102" s="15" t="s">
        <v>441</v>
      </c>
      <c r="D102" s="15" t="s">
        <v>609</v>
      </c>
      <c r="E102" s="15" t="s">
        <v>610</v>
      </c>
      <c r="F102" s="8" t="s">
        <v>550</v>
      </c>
      <c r="G102" s="8" t="s">
        <v>226</v>
      </c>
      <c r="H102" s="8" t="s">
        <v>226</v>
      </c>
      <c r="I102" s="8" t="s">
        <v>226</v>
      </c>
      <c r="J102" s="8" t="s">
        <v>226</v>
      </c>
      <c r="K102" s="8" t="s">
        <v>226</v>
      </c>
      <c r="L102" s="8" t="s">
        <v>226</v>
      </c>
      <c r="M102" s="8" t="s">
        <v>226</v>
      </c>
      <c r="N102" s="8" t="s">
        <v>227</v>
      </c>
      <c r="O102" s="8" t="s">
        <v>223</v>
      </c>
      <c r="P102" s="8" t="s">
        <v>214</v>
      </c>
      <c r="Q102" s="8" t="s">
        <v>226</v>
      </c>
      <c r="R102" s="8" t="s">
        <v>516</v>
      </c>
      <c r="S102" s="8" t="s">
        <v>516</v>
      </c>
      <c r="T102" s="8" t="s">
        <v>561</v>
      </c>
    </row>
    <row r="103" spans="1:20" ht="64.8" x14ac:dyDescent="0.2">
      <c r="A103" s="19">
        <v>93</v>
      </c>
      <c r="B103" s="19" t="s">
        <v>11</v>
      </c>
      <c r="C103" s="15" t="s">
        <v>442</v>
      </c>
      <c r="D103" s="15" t="s">
        <v>10</v>
      </c>
      <c r="E103" s="15" t="s">
        <v>564</v>
      </c>
      <c r="F103" s="8" t="s">
        <v>565</v>
      </c>
      <c r="G103" s="8" t="s">
        <v>211</v>
      </c>
      <c r="H103" s="8" t="s">
        <v>212</v>
      </c>
      <c r="I103" s="8" t="s">
        <v>212</v>
      </c>
      <c r="J103" s="9" t="s">
        <v>633</v>
      </c>
      <c r="K103" s="9" t="s">
        <v>566</v>
      </c>
      <c r="L103" s="8" t="s">
        <v>212</v>
      </c>
      <c r="M103" s="8" t="s">
        <v>212</v>
      </c>
      <c r="N103" s="8" t="s">
        <v>212</v>
      </c>
      <c r="O103" s="8" t="s">
        <v>213</v>
      </c>
      <c r="P103" s="8" t="s">
        <v>214</v>
      </c>
      <c r="Q103" s="9" t="s">
        <v>567</v>
      </c>
      <c r="R103" s="8" t="s">
        <v>214</v>
      </c>
      <c r="S103" s="8" t="s">
        <v>214</v>
      </c>
      <c r="T103" s="8" t="s">
        <v>561</v>
      </c>
    </row>
    <row r="104" spans="1:20" ht="97.2" x14ac:dyDescent="0.2">
      <c r="A104" s="19">
        <v>94</v>
      </c>
      <c r="B104" s="20" t="s">
        <v>43</v>
      </c>
      <c r="C104" s="18" t="s">
        <v>443</v>
      </c>
      <c r="D104" s="18" t="s">
        <v>117</v>
      </c>
      <c r="E104" s="15" t="s">
        <v>625</v>
      </c>
      <c r="F104" s="8"/>
      <c r="G104" s="8" t="s">
        <v>211</v>
      </c>
      <c r="H104" s="8" t="s">
        <v>211</v>
      </c>
      <c r="I104" s="8" t="s">
        <v>211</v>
      </c>
      <c r="J104" s="8" t="s">
        <v>211</v>
      </c>
      <c r="K104" s="8" t="s">
        <v>211</v>
      </c>
      <c r="L104" s="8" t="s">
        <v>211</v>
      </c>
      <c r="M104" s="8" t="s">
        <v>211</v>
      </c>
      <c r="N104" s="8" t="s">
        <v>211</v>
      </c>
      <c r="O104" s="9" t="s">
        <v>213</v>
      </c>
      <c r="P104" s="8" t="s">
        <v>221</v>
      </c>
      <c r="Q104" s="8" t="s">
        <v>211</v>
      </c>
      <c r="R104" s="8" t="s">
        <v>516</v>
      </c>
      <c r="S104" s="8" t="s">
        <v>516</v>
      </c>
      <c r="T104" s="8" t="s">
        <v>561</v>
      </c>
    </row>
    <row r="105" spans="1:20" ht="103.8" customHeight="1" x14ac:dyDescent="0.2">
      <c r="A105" s="19">
        <v>95</v>
      </c>
      <c r="B105" s="19" t="s">
        <v>168</v>
      </c>
      <c r="C105" s="15" t="s">
        <v>444</v>
      </c>
      <c r="D105" s="15" t="s">
        <v>167</v>
      </c>
      <c r="E105" s="19" t="s">
        <v>166</v>
      </c>
      <c r="F105" s="11"/>
      <c r="G105" s="8" t="s">
        <v>211</v>
      </c>
      <c r="H105" s="8" t="s">
        <v>212</v>
      </c>
      <c r="I105" s="8" t="s">
        <v>212</v>
      </c>
      <c r="J105" s="8" t="s">
        <v>211</v>
      </c>
      <c r="K105" s="9" t="s">
        <v>587</v>
      </c>
      <c r="L105" s="9" t="s">
        <v>211</v>
      </c>
      <c r="M105" s="8" t="s">
        <v>212</v>
      </c>
      <c r="N105" s="8" t="s">
        <v>212</v>
      </c>
      <c r="O105" s="8" t="s">
        <v>213</v>
      </c>
      <c r="P105" s="8" t="s">
        <v>214</v>
      </c>
      <c r="Q105" s="8" t="s">
        <v>212</v>
      </c>
      <c r="R105" s="8" t="s">
        <v>214</v>
      </c>
      <c r="S105" s="8" t="s">
        <v>214</v>
      </c>
      <c r="T105" s="8" t="s">
        <v>561</v>
      </c>
    </row>
    <row r="106" spans="1:20" ht="39" customHeight="1" x14ac:dyDescent="0.2">
      <c r="A106" s="19">
        <v>96</v>
      </c>
      <c r="B106" s="20" t="s">
        <v>105</v>
      </c>
      <c r="C106" s="18" t="s">
        <v>445</v>
      </c>
      <c r="D106" s="18" t="s">
        <v>104</v>
      </c>
      <c r="E106" s="15" t="s">
        <v>344</v>
      </c>
      <c r="F106" s="8" t="s">
        <v>551</v>
      </c>
      <c r="G106" s="8" t="s">
        <v>275</v>
      </c>
      <c r="H106" s="8" t="s">
        <v>275</v>
      </c>
      <c r="I106" s="8" t="s">
        <v>273</v>
      </c>
      <c r="J106" s="8" t="s">
        <v>275</v>
      </c>
      <c r="K106" s="8" t="s">
        <v>275</v>
      </c>
      <c r="L106" s="8" t="s">
        <v>275</v>
      </c>
      <c r="M106" s="8" t="s">
        <v>273</v>
      </c>
      <c r="N106" s="8" t="s">
        <v>273</v>
      </c>
      <c r="O106" s="8" t="s">
        <v>274</v>
      </c>
      <c r="P106" s="8" t="s">
        <v>284</v>
      </c>
      <c r="Q106" s="8" t="s">
        <v>275</v>
      </c>
      <c r="R106" s="8" t="s">
        <v>214</v>
      </c>
      <c r="S106" s="8" t="s">
        <v>221</v>
      </c>
      <c r="T106" s="9" t="s">
        <v>584</v>
      </c>
    </row>
    <row r="107" spans="1:20" ht="23.4" x14ac:dyDescent="0.2">
      <c r="A107" s="34" t="s">
        <v>3</v>
      </c>
      <c r="B107" s="35"/>
      <c r="C107" s="35"/>
      <c r="D107" s="35"/>
      <c r="E107" s="35"/>
      <c r="F107" s="35"/>
      <c r="G107" s="35"/>
      <c r="H107" s="35"/>
      <c r="I107" s="35"/>
      <c r="J107" s="35"/>
      <c r="K107" s="35"/>
      <c r="L107" s="35"/>
      <c r="M107" s="35"/>
      <c r="N107" s="35"/>
      <c r="O107" s="35"/>
      <c r="P107" s="35"/>
      <c r="Q107" s="35"/>
      <c r="R107" s="35"/>
      <c r="S107" s="35"/>
      <c r="T107" s="36"/>
    </row>
    <row r="108" spans="1:20" ht="68.400000000000006" customHeight="1" x14ac:dyDescent="0.2">
      <c r="A108" s="19">
        <v>97</v>
      </c>
      <c r="B108" s="20" t="s">
        <v>101</v>
      </c>
      <c r="C108" s="18" t="s">
        <v>446</v>
      </c>
      <c r="D108" s="18" t="s">
        <v>100</v>
      </c>
      <c r="E108" s="7" t="s">
        <v>616</v>
      </c>
      <c r="F108" s="8" t="s">
        <v>250</v>
      </c>
      <c r="G108" s="8" t="s">
        <v>226</v>
      </c>
      <c r="H108" s="8" t="s">
        <v>226</v>
      </c>
      <c r="I108" s="8" t="s">
        <v>226</v>
      </c>
      <c r="J108" s="8" t="s">
        <v>226</v>
      </c>
      <c r="K108" s="8" t="s">
        <v>226</v>
      </c>
      <c r="L108" s="8" t="s">
        <v>226</v>
      </c>
      <c r="M108" s="8" t="s">
        <v>227</v>
      </c>
      <c r="N108" s="8" t="s">
        <v>227</v>
      </c>
      <c r="O108" s="8" t="s">
        <v>223</v>
      </c>
      <c r="P108" s="8" t="s">
        <v>229</v>
      </c>
      <c r="Q108" s="8" t="s">
        <v>226</v>
      </c>
      <c r="R108" s="10" t="s">
        <v>516</v>
      </c>
      <c r="S108" s="8" t="s">
        <v>516</v>
      </c>
      <c r="T108" s="8" t="s">
        <v>561</v>
      </c>
    </row>
    <row r="109" spans="1:20" ht="38.4" customHeight="1" x14ac:dyDescent="0.2">
      <c r="A109" s="19">
        <v>98</v>
      </c>
      <c r="B109" s="19" t="s">
        <v>552</v>
      </c>
      <c r="C109" s="15" t="s">
        <v>553</v>
      </c>
      <c r="D109" s="15" t="s">
        <v>554</v>
      </c>
      <c r="E109" s="7" t="s">
        <v>555</v>
      </c>
      <c r="F109" s="8"/>
      <c r="G109" s="8" t="s">
        <v>211</v>
      </c>
      <c r="H109" s="8" t="s">
        <v>238</v>
      </c>
      <c r="I109" s="8" t="s">
        <v>238</v>
      </c>
      <c r="J109" s="8" t="s">
        <v>556</v>
      </c>
      <c r="K109" s="8" t="s">
        <v>556</v>
      </c>
      <c r="L109" s="8" t="s">
        <v>556</v>
      </c>
      <c r="M109" s="8" t="s">
        <v>238</v>
      </c>
      <c r="N109" s="8" t="s">
        <v>557</v>
      </c>
      <c r="O109" s="8" t="s">
        <v>558</v>
      </c>
      <c r="P109" s="8" t="s">
        <v>559</v>
      </c>
      <c r="Q109" s="8" t="s">
        <v>238</v>
      </c>
      <c r="R109" s="8" t="s">
        <v>214</v>
      </c>
      <c r="S109" s="8" t="s">
        <v>221</v>
      </c>
      <c r="T109" s="8" t="s">
        <v>561</v>
      </c>
    </row>
    <row r="110" spans="1:20" ht="32.4" x14ac:dyDescent="0.2">
      <c r="A110" s="19">
        <v>99</v>
      </c>
      <c r="B110" s="19" t="s">
        <v>192</v>
      </c>
      <c r="C110" s="15" t="s">
        <v>447</v>
      </c>
      <c r="D110" s="15" t="s">
        <v>568</v>
      </c>
      <c r="E110" s="7" t="s">
        <v>518</v>
      </c>
      <c r="F110" s="11"/>
      <c r="G110" s="8" t="s">
        <v>226</v>
      </c>
      <c r="H110" s="8" t="s">
        <v>226</v>
      </c>
      <c r="I110" s="8" t="s">
        <v>227</v>
      </c>
      <c r="J110" s="8" t="s">
        <v>226</v>
      </c>
      <c r="K110" s="8" t="s">
        <v>226</v>
      </c>
      <c r="L110" s="8" t="s">
        <v>226</v>
      </c>
      <c r="M110" s="8" t="s">
        <v>226</v>
      </c>
      <c r="N110" s="8" t="s">
        <v>227</v>
      </c>
      <c r="O110" s="8" t="s">
        <v>228</v>
      </c>
      <c r="P110" s="8" t="s">
        <v>229</v>
      </c>
      <c r="Q110" s="8" t="s">
        <v>226</v>
      </c>
      <c r="R110" s="8" t="s">
        <v>516</v>
      </c>
      <c r="S110" s="8" t="s">
        <v>516</v>
      </c>
      <c r="T110" s="8" t="s">
        <v>561</v>
      </c>
    </row>
    <row r="111" spans="1:20" ht="39.6" customHeight="1" x14ac:dyDescent="0.2">
      <c r="A111" s="19">
        <v>100</v>
      </c>
      <c r="B111" s="20" t="s">
        <v>9</v>
      </c>
      <c r="C111" s="15" t="s">
        <v>448</v>
      </c>
      <c r="D111" s="15" t="s">
        <v>124</v>
      </c>
      <c r="E111" s="11" t="s">
        <v>123</v>
      </c>
      <c r="F111" s="11"/>
      <c r="G111" s="8" t="s">
        <v>226</v>
      </c>
      <c r="H111" s="8" t="s">
        <v>227</v>
      </c>
      <c r="I111" s="8" t="s">
        <v>227</v>
      </c>
      <c r="J111" s="8" t="s">
        <v>226</v>
      </c>
      <c r="K111" s="8" t="s">
        <v>227</v>
      </c>
      <c r="L111" s="8" t="s">
        <v>227</v>
      </c>
      <c r="M111" s="8" t="s">
        <v>227</v>
      </c>
      <c r="N111" s="8" t="s">
        <v>227</v>
      </c>
      <c r="O111" s="8" t="s">
        <v>228</v>
      </c>
      <c r="P111" s="8" t="s">
        <v>229</v>
      </c>
      <c r="Q111" s="8" t="s">
        <v>226</v>
      </c>
      <c r="R111" s="8" t="s">
        <v>549</v>
      </c>
      <c r="S111" s="8" t="s">
        <v>549</v>
      </c>
      <c r="T111" s="8" t="s">
        <v>549</v>
      </c>
    </row>
    <row r="112" spans="1:20" ht="37.799999999999997" customHeight="1" x14ac:dyDescent="0.2">
      <c r="A112" s="19">
        <v>101</v>
      </c>
      <c r="B112" s="20" t="s">
        <v>59</v>
      </c>
      <c r="C112" s="18" t="s">
        <v>449</v>
      </c>
      <c r="D112" s="18" t="s">
        <v>58</v>
      </c>
      <c r="E112" s="11" t="s">
        <v>57</v>
      </c>
      <c r="F112" s="8" t="s">
        <v>596</v>
      </c>
      <c r="G112" s="8" t="s">
        <v>226</v>
      </c>
      <c r="H112" s="8" t="s">
        <v>226</v>
      </c>
      <c r="I112" s="8" t="s">
        <v>226</v>
      </c>
      <c r="J112" s="8" t="s">
        <v>226</v>
      </c>
      <c r="K112" s="8" t="s">
        <v>226</v>
      </c>
      <c r="L112" s="8" t="s">
        <v>226</v>
      </c>
      <c r="M112" s="8" t="s">
        <v>226</v>
      </c>
      <c r="N112" s="8" t="s">
        <v>227</v>
      </c>
      <c r="O112" s="8" t="s">
        <v>228</v>
      </c>
      <c r="P112" s="8" t="s">
        <v>229</v>
      </c>
      <c r="Q112" s="8" t="s">
        <v>238</v>
      </c>
      <c r="R112" s="8" t="s">
        <v>214</v>
      </c>
      <c r="S112" s="8" t="s">
        <v>214</v>
      </c>
      <c r="T112" s="8" t="s">
        <v>561</v>
      </c>
    </row>
    <row r="113" spans="1:20" ht="39" customHeight="1" x14ac:dyDescent="0.2">
      <c r="A113" s="19">
        <v>102</v>
      </c>
      <c r="B113" s="23" t="s">
        <v>27</v>
      </c>
      <c r="C113" s="15" t="s">
        <v>450</v>
      </c>
      <c r="D113" s="15" t="s">
        <v>181</v>
      </c>
      <c r="E113" s="11" t="s">
        <v>180</v>
      </c>
      <c r="F113" s="8" t="s">
        <v>230</v>
      </c>
      <c r="G113" s="8" t="s">
        <v>226</v>
      </c>
      <c r="H113" s="8" t="s">
        <v>227</v>
      </c>
      <c r="I113" s="8" t="s">
        <v>227</v>
      </c>
      <c r="J113" s="8" t="s">
        <v>226</v>
      </c>
      <c r="K113" s="8" t="s">
        <v>227</v>
      </c>
      <c r="L113" s="8" t="s">
        <v>227</v>
      </c>
      <c r="M113" s="8" t="s">
        <v>226</v>
      </c>
      <c r="N113" s="8" t="s">
        <v>227</v>
      </c>
      <c r="O113" s="8" t="s">
        <v>213</v>
      </c>
      <c r="P113" s="8" t="s">
        <v>215</v>
      </c>
      <c r="Q113" s="8" t="s">
        <v>211</v>
      </c>
      <c r="R113" s="8" t="s">
        <v>516</v>
      </c>
      <c r="S113" s="8" t="s">
        <v>516</v>
      </c>
      <c r="T113" s="8" t="s">
        <v>561</v>
      </c>
    </row>
    <row r="114" spans="1:20" ht="123" customHeight="1" x14ac:dyDescent="0.2">
      <c r="A114" s="19">
        <v>103</v>
      </c>
      <c r="B114" s="23" t="s">
        <v>27</v>
      </c>
      <c r="C114" s="18" t="s">
        <v>451</v>
      </c>
      <c r="D114" s="18" t="s">
        <v>26</v>
      </c>
      <c r="E114" s="11" t="s">
        <v>64</v>
      </c>
      <c r="F114" s="8" t="s">
        <v>323</v>
      </c>
      <c r="G114" s="8" t="s">
        <v>238</v>
      </c>
      <c r="H114" s="8" t="s">
        <v>319</v>
      </c>
      <c r="I114" s="8" t="s">
        <v>319</v>
      </c>
      <c r="J114" s="8" t="s">
        <v>319</v>
      </c>
      <c r="K114" s="9" t="s">
        <v>320</v>
      </c>
      <c r="L114" s="8" t="s">
        <v>238</v>
      </c>
      <c r="M114" s="8" t="s">
        <v>319</v>
      </c>
      <c r="N114" s="8" t="s">
        <v>321</v>
      </c>
      <c r="O114" s="8" t="s">
        <v>322</v>
      </c>
      <c r="P114" s="8" t="s">
        <v>221</v>
      </c>
      <c r="Q114" s="8" t="s">
        <v>238</v>
      </c>
      <c r="R114" s="8" t="s">
        <v>214</v>
      </c>
      <c r="S114" s="8" t="s">
        <v>214</v>
      </c>
      <c r="T114" s="8" t="s">
        <v>561</v>
      </c>
    </row>
    <row r="115" spans="1:20" ht="50.4" customHeight="1" x14ac:dyDescent="0.2">
      <c r="A115" s="19">
        <v>104</v>
      </c>
      <c r="B115" s="20" t="s">
        <v>17</v>
      </c>
      <c r="C115" s="18" t="s">
        <v>452</v>
      </c>
      <c r="D115" s="18" t="s">
        <v>496</v>
      </c>
      <c r="E115" s="7" t="s">
        <v>548</v>
      </c>
      <c r="F115" s="8"/>
      <c r="G115" s="8" t="s">
        <v>211</v>
      </c>
      <c r="H115" s="8" t="s">
        <v>212</v>
      </c>
      <c r="I115" s="8" t="s">
        <v>212</v>
      </c>
      <c r="J115" s="8" t="s">
        <v>211</v>
      </c>
      <c r="K115" s="8" t="s">
        <v>211</v>
      </c>
      <c r="L115" s="8" t="s">
        <v>222</v>
      </c>
      <c r="M115" s="8" t="s">
        <v>309</v>
      </c>
      <c r="N115" s="8" t="s">
        <v>212</v>
      </c>
      <c r="O115" s="8" t="s">
        <v>294</v>
      </c>
      <c r="P115" s="8" t="s">
        <v>214</v>
      </c>
      <c r="Q115" s="8" t="s">
        <v>238</v>
      </c>
      <c r="R115" s="8" t="s">
        <v>214</v>
      </c>
      <c r="S115" s="8" t="s">
        <v>221</v>
      </c>
      <c r="T115" s="8" t="s">
        <v>561</v>
      </c>
    </row>
    <row r="116" spans="1:20" ht="38.4" customHeight="1" x14ac:dyDescent="0.2">
      <c r="A116" s="19">
        <v>105</v>
      </c>
      <c r="B116" s="20" t="s">
        <v>19</v>
      </c>
      <c r="C116" s="18" t="s">
        <v>453</v>
      </c>
      <c r="D116" s="18" t="s">
        <v>497</v>
      </c>
      <c r="E116" s="7" t="s">
        <v>345</v>
      </c>
      <c r="F116" s="8" t="s">
        <v>519</v>
      </c>
      <c r="G116" s="8" t="s">
        <v>211</v>
      </c>
      <c r="H116" s="8" t="s">
        <v>212</v>
      </c>
      <c r="I116" s="8" t="s">
        <v>212</v>
      </c>
      <c r="J116" s="8" t="s">
        <v>211</v>
      </c>
      <c r="K116" s="8" t="s">
        <v>211</v>
      </c>
      <c r="L116" s="8" t="s">
        <v>212</v>
      </c>
      <c r="M116" s="8" t="s">
        <v>212</v>
      </c>
      <c r="N116" s="8" t="s">
        <v>212</v>
      </c>
      <c r="O116" s="8" t="s">
        <v>213</v>
      </c>
      <c r="P116" s="8" t="s">
        <v>214</v>
      </c>
      <c r="Q116" s="8" t="s">
        <v>212</v>
      </c>
      <c r="R116" s="8" t="s">
        <v>516</v>
      </c>
      <c r="S116" s="8" t="s">
        <v>516</v>
      </c>
      <c r="T116" s="8" t="s">
        <v>561</v>
      </c>
    </row>
    <row r="117" spans="1:20" ht="38.4" customHeight="1" x14ac:dyDescent="0.2">
      <c r="A117" s="19">
        <v>106</v>
      </c>
      <c r="B117" s="19" t="s">
        <v>70</v>
      </c>
      <c r="C117" s="15" t="s">
        <v>454</v>
      </c>
      <c r="D117" s="15" t="s">
        <v>498</v>
      </c>
      <c r="E117" s="11" t="s">
        <v>585</v>
      </c>
      <c r="F117" s="8"/>
      <c r="G117" s="8" t="s">
        <v>310</v>
      </c>
      <c r="H117" s="8" t="s">
        <v>309</v>
      </c>
      <c r="I117" s="8" t="s">
        <v>309</v>
      </c>
      <c r="J117" s="8" t="s">
        <v>310</v>
      </c>
      <c r="K117" s="8" t="s">
        <v>211</v>
      </c>
      <c r="L117" s="8" t="s">
        <v>309</v>
      </c>
      <c r="M117" s="8" t="s">
        <v>309</v>
      </c>
      <c r="N117" s="8" t="s">
        <v>309</v>
      </c>
      <c r="O117" s="8" t="s">
        <v>308</v>
      </c>
      <c r="P117" s="8" t="s">
        <v>214</v>
      </c>
      <c r="Q117" s="8" t="s">
        <v>309</v>
      </c>
      <c r="R117" s="8" t="s">
        <v>516</v>
      </c>
      <c r="S117" s="8" t="s">
        <v>517</v>
      </c>
      <c r="T117" s="8" t="s">
        <v>584</v>
      </c>
    </row>
    <row r="118" spans="1:20" ht="23.4" x14ac:dyDescent="0.2">
      <c r="A118" s="34" t="s">
        <v>198</v>
      </c>
      <c r="B118" s="35"/>
      <c r="C118" s="35"/>
      <c r="D118" s="35"/>
      <c r="E118" s="35"/>
      <c r="F118" s="35"/>
      <c r="G118" s="35"/>
      <c r="H118" s="35"/>
      <c r="I118" s="35"/>
      <c r="J118" s="35"/>
      <c r="K118" s="35"/>
      <c r="L118" s="35"/>
      <c r="M118" s="35"/>
      <c r="N118" s="35"/>
      <c r="O118" s="35"/>
      <c r="P118" s="35"/>
      <c r="Q118" s="35"/>
      <c r="R118" s="35"/>
      <c r="S118" s="35"/>
      <c r="T118" s="36"/>
    </row>
    <row r="119" spans="1:20" ht="39" customHeight="1" x14ac:dyDescent="0.2">
      <c r="A119" s="19">
        <v>107</v>
      </c>
      <c r="B119" s="19" t="s">
        <v>77</v>
      </c>
      <c r="C119" s="15" t="s">
        <v>455</v>
      </c>
      <c r="D119" s="15" t="s">
        <v>76</v>
      </c>
      <c r="E119" s="11" t="s">
        <v>75</v>
      </c>
      <c r="F119" s="11"/>
      <c r="G119" s="8" t="s">
        <v>226</v>
      </c>
      <c r="H119" s="8" t="s">
        <v>227</v>
      </c>
      <c r="I119" s="8" t="s">
        <v>227</v>
      </c>
      <c r="J119" s="8" t="s">
        <v>227</v>
      </c>
      <c r="K119" s="8" t="s">
        <v>227</v>
      </c>
      <c r="L119" s="8" t="s">
        <v>227</v>
      </c>
      <c r="M119" s="8" t="s">
        <v>227</v>
      </c>
      <c r="N119" s="8" t="s">
        <v>227</v>
      </c>
      <c r="O119" s="8" t="s">
        <v>213</v>
      </c>
      <c r="P119" s="8" t="s">
        <v>215</v>
      </c>
      <c r="Q119" s="8" t="s">
        <v>227</v>
      </c>
      <c r="R119" s="10" t="s">
        <v>214</v>
      </c>
      <c r="S119" s="8" t="s">
        <v>214</v>
      </c>
      <c r="T119" s="8" t="s">
        <v>561</v>
      </c>
    </row>
    <row r="120" spans="1:20" ht="39" customHeight="1" x14ac:dyDescent="0.2">
      <c r="A120" s="19">
        <v>108</v>
      </c>
      <c r="B120" s="20" t="s">
        <v>90</v>
      </c>
      <c r="C120" s="18" t="s">
        <v>456</v>
      </c>
      <c r="D120" s="18" t="s">
        <v>89</v>
      </c>
      <c r="E120" s="11" t="s">
        <v>547</v>
      </c>
      <c r="F120" s="11"/>
      <c r="G120" s="8" t="s">
        <v>238</v>
      </c>
      <c r="H120" s="8" t="s">
        <v>238</v>
      </c>
      <c r="I120" s="8" t="s">
        <v>238</v>
      </c>
      <c r="J120" s="8" t="s">
        <v>238</v>
      </c>
      <c r="K120" s="8" t="s">
        <v>238</v>
      </c>
      <c r="L120" s="8" t="s">
        <v>238</v>
      </c>
      <c r="M120" s="8" t="s">
        <v>238</v>
      </c>
      <c r="N120" s="8" t="s">
        <v>212</v>
      </c>
      <c r="O120" s="8" t="s">
        <v>288</v>
      </c>
      <c r="P120" s="8" t="s">
        <v>214</v>
      </c>
      <c r="Q120" s="8" t="s">
        <v>238</v>
      </c>
      <c r="R120" s="8" t="s">
        <v>214</v>
      </c>
      <c r="S120" s="8" t="s">
        <v>221</v>
      </c>
      <c r="T120" s="9" t="s">
        <v>584</v>
      </c>
    </row>
    <row r="121" spans="1:20" ht="39" customHeight="1" x14ac:dyDescent="0.2">
      <c r="A121" s="19">
        <v>109</v>
      </c>
      <c r="B121" s="20" t="s">
        <v>175</v>
      </c>
      <c r="C121" s="18" t="s">
        <v>457</v>
      </c>
      <c r="D121" s="18" t="s">
        <v>499</v>
      </c>
      <c r="E121" s="11" t="s">
        <v>174</v>
      </c>
      <c r="F121" s="11"/>
      <c r="G121" s="8" t="s">
        <v>211</v>
      </c>
      <c r="H121" s="8" t="s">
        <v>211</v>
      </c>
      <c r="I121" s="8" t="s">
        <v>212</v>
      </c>
      <c r="J121" s="8" t="s">
        <v>211</v>
      </c>
      <c r="K121" s="8" t="s">
        <v>211</v>
      </c>
      <c r="L121" s="8" t="s">
        <v>211</v>
      </c>
      <c r="M121" s="8" t="s">
        <v>211</v>
      </c>
      <c r="N121" s="8" t="s">
        <v>212</v>
      </c>
      <c r="O121" s="8" t="s">
        <v>217</v>
      </c>
      <c r="P121" s="8" t="s">
        <v>214</v>
      </c>
      <c r="Q121" s="8" t="s">
        <v>211</v>
      </c>
      <c r="R121" s="8" t="s">
        <v>516</v>
      </c>
      <c r="S121" s="8" t="s">
        <v>516</v>
      </c>
      <c r="T121" s="8" t="s">
        <v>561</v>
      </c>
    </row>
    <row r="122" spans="1:20" ht="39" customHeight="1" x14ac:dyDescent="0.2">
      <c r="A122" s="19">
        <v>110</v>
      </c>
      <c r="B122" s="19" t="s">
        <v>95</v>
      </c>
      <c r="C122" s="15" t="s">
        <v>458</v>
      </c>
      <c r="D122" s="15" t="s">
        <v>500</v>
      </c>
      <c r="E122" s="11" t="s">
        <v>94</v>
      </c>
      <c r="F122" s="8" t="s">
        <v>259</v>
      </c>
      <c r="G122" s="8" t="s">
        <v>211</v>
      </c>
      <c r="H122" s="8" t="s">
        <v>211</v>
      </c>
      <c r="I122" s="8" t="s">
        <v>212</v>
      </c>
      <c r="J122" s="8" t="s">
        <v>211</v>
      </c>
      <c r="K122" s="8" t="s">
        <v>211</v>
      </c>
      <c r="L122" s="8" t="s">
        <v>211</v>
      </c>
      <c r="M122" s="8" t="s">
        <v>212</v>
      </c>
      <c r="N122" s="8" t="s">
        <v>212</v>
      </c>
      <c r="O122" s="8" t="s">
        <v>228</v>
      </c>
      <c r="P122" s="8" t="s">
        <v>221</v>
      </c>
      <c r="Q122" s="8" t="s">
        <v>226</v>
      </c>
      <c r="R122" s="8" t="s">
        <v>516</v>
      </c>
      <c r="S122" s="8" t="s">
        <v>516</v>
      </c>
      <c r="T122" s="8" t="s">
        <v>561</v>
      </c>
    </row>
    <row r="123" spans="1:20" ht="16.2" x14ac:dyDescent="0.2">
      <c r="R123" s="30"/>
      <c r="S123" s="31"/>
      <c r="T123" s="5"/>
    </row>
  </sheetData>
  <mergeCells count="18">
    <mergeCell ref="R123:S123"/>
    <mergeCell ref="T3:T4"/>
    <mergeCell ref="A91:T91"/>
    <mergeCell ref="A5:T5"/>
    <mergeCell ref="A50:T50"/>
    <mergeCell ref="A70:T70"/>
    <mergeCell ref="A82:T82"/>
    <mergeCell ref="A99:T99"/>
    <mergeCell ref="A107:T107"/>
    <mergeCell ref="A118:T118"/>
    <mergeCell ref="A1:S1"/>
    <mergeCell ref="F3:F4"/>
    <mergeCell ref="A3:A4"/>
    <mergeCell ref="B3:B4"/>
    <mergeCell ref="C3:C4"/>
    <mergeCell ref="D3:D4"/>
    <mergeCell ref="E3:E4"/>
    <mergeCell ref="G3:S3"/>
  </mergeCells>
  <phoneticPr fontId="1"/>
  <printOptions horizontalCentered="1"/>
  <pageMargins left="0.70866141732283472" right="0.70866141732283472" top="0.74803149606299213" bottom="0.74803149606299213" header="0.31496062992125984" footer="0.31496062992125984"/>
  <pageSetup paperSize="8" scale="48" fitToHeight="0" orientation="landscape" r:id="rId1"/>
  <rowBreaks count="4" manualBreakCount="4">
    <brk id="27" max="19" man="1"/>
    <brk id="49" max="19" man="1"/>
    <brk id="69" max="19" man="1"/>
    <brk id="95" max="1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リスト</vt:lpstr>
      <vt:lpstr>リスト!Print_Area</vt:lpstr>
      <vt:lpstr>リスト!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がん疾課_小野寺</cp:lastModifiedBy>
  <cp:lastPrinted>2025-10-15T00:28:57Z</cp:lastPrinted>
  <dcterms:created xsi:type="dcterms:W3CDTF">2023-03-06T09:07:39Z</dcterms:created>
  <dcterms:modified xsi:type="dcterms:W3CDTF">2025-10-16T05:59:16Z</dcterms:modified>
</cp:coreProperties>
</file>